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Default Extension="jpg" ContentType="image/jpeg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09" r:id="rId1"/>
  </p:sldMasterIdLst>
  <p:notesMasterIdLst>
    <p:notesMasterId r:id="rId27"/>
  </p:notesMasterIdLst>
  <p:sldIdLst>
    <p:sldId id="363" r:id="rId2"/>
    <p:sldId id="369" r:id="rId3"/>
    <p:sldId id="415" r:id="rId4"/>
    <p:sldId id="416" r:id="rId5"/>
    <p:sldId id="404" r:id="rId6"/>
    <p:sldId id="410" r:id="rId7"/>
    <p:sldId id="424" r:id="rId8"/>
    <p:sldId id="406" r:id="rId9"/>
    <p:sldId id="409" r:id="rId10"/>
    <p:sldId id="412" r:id="rId11"/>
    <p:sldId id="419" r:id="rId12"/>
    <p:sldId id="414" r:id="rId13"/>
    <p:sldId id="418" r:id="rId14"/>
    <p:sldId id="425" r:id="rId15"/>
    <p:sldId id="417" r:id="rId16"/>
    <p:sldId id="413" r:id="rId17"/>
    <p:sldId id="398" r:id="rId18"/>
    <p:sldId id="420" r:id="rId19"/>
    <p:sldId id="427" r:id="rId20"/>
    <p:sldId id="421" r:id="rId21"/>
    <p:sldId id="428" r:id="rId22"/>
    <p:sldId id="426" r:id="rId23"/>
    <p:sldId id="405" r:id="rId24"/>
    <p:sldId id="402" r:id="rId25"/>
    <p:sldId id="423" r:id="rId2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B9BD5"/>
    <a:srgbClr val="BFBFB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853" autoAdjust="0"/>
    <p:restoredTop sz="94660"/>
  </p:normalViewPr>
  <p:slideViewPr>
    <p:cSldViewPr snapToGrid="0">
      <p:cViewPr varScale="1">
        <p:scale>
          <a:sx n="88" d="100"/>
          <a:sy n="88" d="100"/>
        </p:scale>
        <p:origin x="1114" y="6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notesMaster" Target="notesMasters/notesMaster1.xml"/><Relationship Id="rId30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24B143D-BCD3-447D-B461-44F19E83C75C}" type="datetimeFigureOut">
              <a:rPr lang="en-GB" smtClean="0"/>
              <a:t>15/10/2019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FC97DFB-EF56-4C75-A3D8-82F7ED437A0C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15186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">
    <p:bg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reeform: Shape 134">
            <a:extLst>
              <a:ext uri="{FF2B5EF4-FFF2-40B4-BE49-F238E27FC236}">
                <a16:creationId xmlns:a16="http://schemas.microsoft.com/office/drawing/2014/main" id="{7C8F755B-58C0-4F5A-A25B-1E87F2324D04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252088" y="648948"/>
            <a:ext cx="5851200" cy="5548800"/>
          </a:xfrm>
          <a:custGeom>
            <a:avLst/>
            <a:gdLst>
              <a:gd name="connsiteX0" fmla="*/ 4052888 w 6521450"/>
              <a:gd name="connsiteY0" fmla="*/ 4868862 h 6175375"/>
              <a:gd name="connsiteX1" fmla="*/ 4052888 w 6521450"/>
              <a:gd name="connsiteY1" fmla="*/ 5626100 h 6175375"/>
              <a:gd name="connsiteX2" fmla="*/ 3300413 w 6521450"/>
              <a:gd name="connsiteY2" fmla="*/ 6175375 h 6175375"/>
              <a:gd name="connsiteX3" fmla="*/ 3300413 w 6521450"/>
              <a:gd name="connsiteY3" fmla="*/ 5418137 h 6175375"/>
              <a:gd name="connsiteX4" fmla="*/ 2471738 w 6521450"/>
              <a:gd name="connsiteY4" fmla="*/ 4868862 h 6175375"/>
              <a:gd name="connsiteX5" fmla="*/ 3227388 w 6521450"/>
              <a:gd name="connsiteY5" fmla="*/ 5418137 h 6175375"/>
              <a:gd name="connsiteX6" fmla="*/ 3227388 w 6521450"/>
              <a:gd name="connsiteY6" fmla="*/ 6175375 h 6175375"/>
              <a:gd name="connsiteX7" fmla="*/ 2471738 w 6521450"/>
              <a:gd name="connsiteY7" fmla="*/ 5626100 h 6175375"/>
              <a:gd name="connsiteX8" fmla="*/ 3300413 w 6521450"/>
              <a:gd name="connsiteY8" fmla="*/ 4281487 h 6175375"/>
              <a:gd name="connsiteX9" fmla="*/ 4016376 w 6521450"/>
              <a:gd name="connsiteY9" fmla="*/ 4806950 h 6175375"/>
              <a:gd name="connsiteX10" fmla="*/ 3494088 w 6521450"/>
              <a:gd name="connsiteY10" fmla="*/ 5184775 h 6175375"/>
              <a:gd name="connsiteX11" fmla="*/ 3300413 w 6521450"/>
              <a:gd name="connsiteY11" fmla="*/ 5041900 h 6175375"/>
              <a:gd name="connsiteX12" fmla="*/ 3227388 w 6521450"/>
              <a:gd name="connsiteY12" fmla="*/ 4281487 h 6175375"/>
              <a:gd name="connsiteX13" fmla="*/ 3227388 w 6521450"/>
              <a:gd name="connsiteY13" fmla="*/ 5041900 h 6175375"/>
              <a:gd name="connsiteX14" fmla="*/ 3030538 w 6521450"/>
              <a:gd name="connsiteY14" fmla="*/ 5184775 h 6175375"/>
              <a:gd name="connsiteX15" fmla="*/ 2511425 w 6521450"/>
              <a:gd name="connsiteY15" fmla="*/ 4806950 h 6175375"/>
              <a:gd name="connsiteX16" fmla="*/ 4873625 w 6521450"/>
              <a:gd name="connsiteY16" fmla="*/ 3443287 h 6175375"/>
              <a:gd name="connsiteX17" fmla="*/ 4873625 w 6521450"/>
              <a:gd name="connsiteY17" fmla="*/ 4203700 h 6175375"/>
              <a:gd name="connsiteX18" fmla="*/ 4117975 w 6521450"/>
              <a:gd name="connsiteY18" fmla="*/ 4752975 h 6175375"/>
              <a:gd name="connsiteX19" fmla="*/ 4117975 w 6521450"/>
              <a:gd name="connsiteY19" fmla="*/ 3992562 h 6175375"/>
              <a:gd name="connsiteX20" fmla="*/ 3294063 w 6521450"/>
              <a:gd name="connsiteY20" fmla="*/ 3443287 h 6175375"/>
              <a:gd name="connsiteX21" fmla="*/ 4049713 w 6521450"/>
              <a:gd name="connsiteY21" fmla="*/ 3992562 h 6175375"/>
              <a:gd name="connsiteX22" fmla="*/ 4049713 w 6521450"/>
              <a:gd name="connsiteY22" fmla="*/ 4752975 h 6175375"/>
              <a:gd name="connsiteX23" fmla="*/ 3294063 w 6521450"/>
              <a:gd name="connsiteY23" fmla="*/ 4203700 h 6175375"/>
              <a:gd name="connsiteX24" fmla="*/ 3227388 w 6521450"/>
              <a:gd name="connsiteY24" fmla="*/ 3443287 h 6175375"/>
              <a:gd name="connsiteX25" fmla="*/ 3227388 w 6521450"/>
              <a:gd name="connsiteY25" fmla="*/ 4203700 h 6175375"/>
              <a:gd name="connsiteX26" fmla="*/ 2474913 w 6521450"/>
              <a:gd name="connsiteY26" fmla="*/ 4752975 h 6175375"/>
              <a:gd name="connsiteX27" fmla="*/ 2474913 w 6521450"/>
              <a:gd name="connsiteY27" fmla="*/ 3992562 h 6175375"/>
              <a:gd name="connsiteX28" fmla="*/ 1647825 w 6521450"/>
              <a:gd name="connsiteY28" fmla="*/ 3443287 h 6175375"/>
              <a:gd name="connsiteX29" fmla="*/ 2403475 w 6521450"/>
              <a:gd name="connsiteY29" fmla="*/ 3992562 h 6175375"/>
              <a:gd name="connsiteX30" fmla="*/ 2403475 w 6521450"/>
              <a:gd name="connsiteY30" fmla="*/ 4752975 h 6175375"/>
              <a:gd name="connsiteX31" fmla="*/ 1647825 w 6521450"/>
              <a:gd name="connsiteY31" fmla="*/ 4203700 h 6175375"/>
              <a:gd name="connsiteX32" fmla="*/ 1579563 w 6521450"/>
              <a:gd name="connsiteY32" fmla="*/ 3443287 h 6175375"/>
              <a:gd name="connsiteX33" fmla="*/ 1579563 w 6521450"/>
              <a:gd name="connsiteY33" fmla="*/ 4203700 h 6175375"/>
              <a:gd name="connsiteX34" fmla="*/ 823913 w 6521450"/>
              <a:gd name="connsiteY34" fmla="*/ 4752975 h 6175375"/>
              <a:gd name="connsiteX35" fmla="*/ 823913 w 6521450"/>
              <a:gd name="connsiteY35" fmla="*/ 3992562 h 6175375"/>
              <a:gd name="connsiteX36" fmla="*/ 0 w 6521450"/>
              <a:gd name="connsiteY36" fmla="*/ 3443287 h 6175375"/>
              <a:gd name="connsiteX37" fmla="*/ 755650 w 6521450"/>
              <a:gd name="connsiteY37" fmla="*/ 3992562 h 6175375"/>
              <a:gd name="connsiteX38" fmla="*/ 755650 w 6521450"/>
              <a:gd name="connsiteY38" fmla="*/ 4752975 h 6175375"/>
              <a:gd name="connsiteX39" fmla="*/ 0 w 6521450"/>
              <a:gd name="connsiteY39" fmla="*/ 4203700 h 6175375"/>
              <a:gd name="connsiteX40" fmla="*/ 4117975 w 6521450"/>
              <a:gd name="connsiteY40" fmla="*/ 2859087 h 6175375"/>
              <a:gd name="connsiteX41" fmla="*/ 4837113 w 6521450"/>
              <a:gd name="connsiteY41" fmla="*/ 3381375 h 6175375"/>
              <a:gd name="connsiteX42" fmla="*/ 4314825 w 6521450"/>
              <a:gd name="connsiteY42" fmla="*/ 3760787 h 6175375"/>
              <a:gd name="connsiteX43" fmla="*/ 4117975 w 6521450"/>
              <a:gd name="connsiteY43" fmla="*/ 3616325 h 6175375"/>
              <a:gd name="connsiteX44" fmla="*/ 4049713 w 6521450"/>
              <a:gd name="connsiteY44" fmla="*/ 2859087 h 6175375"/>
              <a:gd name="connsiteX45" fmla="*/ 4049713 w 6521450"/>
              <a:gd name="connsiteY45" fmla="*/ 3616325 h 6175375"/>
              <a:gd name="connsiteX46" fmla="*/ 3851275 w 6521450"/>
              <a:gd name="connsiteY46" fmla="*/ 3760787 h 6175375"/>
              <a:gd name="connsiteX47" fmla="*/ 3328988 w 6521450"/>
              <a:gd name="connsiteY47" fmla="*/ 3381375 h 6175375"/>
              <a:gd name="connsiteX48" fmla="*/ 2474913 w 6521450"/>
              <a:gd name="connsiteY48" fmla="*/ 2859087 h 6175375"/>
              <a:gd name="connsiteX49" fmla="*/ 3192463 w 6521450"/>
              <a:gd name="connsiteY49" fmla="*/ 3381375 h 6175375"/>
              <a:gd name="connsiteX50" fmla="*/ 2670175 w 6521450"/>
              <a:gd name="connsiteY50" fmla="*/ 3760787 h 6175375"/>
              <a:gd name="connsiteX51" fmla="*/ 2474913 w 6521450"/>
              <a:gd name="connsiteY51" fmla="*/ 3616325 h 6175375"/>
              <a:gd name="connsiteX52" fmla="*/ 2403476 w 6521450"/>
              <a:gd name="connsiteY52" fmla="*/ 2859087 h 6175375"/>
              <a:gd name="connsiteX53" fmla="*/ 2403476 w 6521450"/>
              <a:gd name="connsiteY53" fmla="*/ 3616325 h 6175375"/>
              <a:gd name="connsiteX54" fmla="*/ 2206626 w 6521450"/>
              <a:gd name="connsiteY54" fmla="*/ 3760787 h 6175375"/>
              <a:gd name="connsiteX55" fmla="*/ 1687513 w 6521450"/>
              <a:gd name="connsiteY55" fmla="*/ 3381375 h 6175375"/>
              <a:gd name="connsiteX56" fmla="*/ 823913 w 6521450"/>
              <a:gd name="connsiteY56" fmla="*/ 2859087 h 6175375"/>
              <a:gd name="connsiteX57" fmla="*/ 1544638 w 6521450"/>
              <a:gd name="connsiteY57" fmla="*/ 3381375 h 6175375"/>
              <a:gd name="connsiteX58" fmla="*/ 1020763 w 6521450"/>
              <a:gd name="connsiteY58" fmla="*/ 3760787 h 6175375"/>
              <a:gd name="connsiteX59" fmla="*/ 823913 w 6521450"/>
              <a:gd name="connsiteY59" fmla="*/ 3616325 h 6175375"/>
              <a:gd name="connsiteX60" fmla="*/ 755651 w 6521450"/>
              <a:gd name="connsiteY60" fmla="*/ 2859087 h 6175375"/>
              <a:gd name="connsiteX61" fmla="*/ 755651 w 6521450"/>
              <a:gd name="connsiteY61" fmla="*/ 3616325 h 6175375"/>
              <a:gd name="connsiteX62" fmla="*/ 558801 w 6521450"/>
              <a:gd name="connsiteY62" fmla="*/ 3760787 h 6175375"/>
              <a:gd name="connsiteX63" fmla="*/ 36513 w 6521450"/>
              <a:gd name="connsiteY63" fmla="*/ 3381375 h 6175375"/>
              <a:gd name="connsiteX64" fmla="*/ 5697538 w 6521450"/>
              <a:gd name="connsiteY64" fmla="*/ 2012949 h 6175375"/>
              <a:gd name="connsiteX65" fmla="*/ 5697538 w 6521450"/>
              <a:gd name="connsiteY65" fmla="*/ 2773362 h 6175375"/>
              <a:gd name="connsiteX66" fmla="*/ 4941888 w 6521450"/>
              <a:gd name="connsiteY66" fmla="*/ 3321049 h 6175375"/>
              <a:gd name="connsiteX67" fmla="*/ 4941888 w 6521450"/>
              <a:gd name="connsiteY67" fmla="*/ 2560637 h 6175375"/>
              <a:gd name="connsiteX68" fmla="*/ 4117975 w 6521450"/>
              <a:gd name="connsiteY68" fmla="*/ 2012949 h 6175375"/>
              <a:gd name="connsiteX69" fmla="*/ 4873625 w 6521450"/>
              <a:gd name="connsiteY69" fmla="*/ 2560637 h 6175375"/>
              <a:gd name="connsiteX70" fmla="*/ 4873625 w 6521450"/>
              <a:gd name="connsiteY70" fmla="*/ 3321049 h 6175375"/>
              <a:gd name="connsiteX71" fmla="*/ 4117975 w 6521450"/>
              <a:gd name="connsiteY71" fmla="*/ 2773362 h 6175375"/>
              <a:gd name="connsiteX72" fmla="*/ 4052888 w 6521450"/>
              <a:gd name="connsiteY72" fmla="*/ 2012949 h 6175375"/>
              <a:gd name="connsiteX73" fmla="*/ 4052888 w 6521450"/>
              <a:gd name="connsiteY73" fmla="*/ 2773362 h 6175375"/>
              <a:gd name="connsiteX74" fmla="*/ 3300413 w 6521450"/>
              <a:gd name="connsiteY74" fmla="*/ 3321049 h 6175375"/>
              <a:gd name="connsiteX75" fmla="*/ 3300413 w 6521450"/>
              <a:gd name="connsiteY75" fmla="*/ 2560637 h 6175375"/>
              <a:gd name="connsiteX76" fmla="*/ 2471738 w 6521450"/>
              <a:gd name="connsiteY76" fmla="*/ 2012949 h 6175375"/>
              <a:gd name="connsiteX77" fmla="*/ 3227388 w 6521450"/>
              <a:gd name="connsiteY77" fmla="*/ 2560637 h 6175375"/>
              <a:gd name="connsiteX78" fmla="*/ 3227388 w 6521450"/>
              <a:gd name="connsiteY78" fmla="*/ 3321049 h 6175375"/>
              <a:gd name="connsiteX79" fmla="*/ 2471738 w 6521450"/>
              <a:gd name="connsiteY79" fmla="*/ 2773362 h 6175375"/>
              <a:gd name="connsiteX80" fmla="*/ 2403475 w 6521450"/>
              <a:gd name="connsiteY80" fmla="*/ 2012949 h 6175375"/>
              <a:gd name="connsiteX81" fmla="*/ 2403475 w 6521450"/>
              <a:gd name="connsiteY81" fmla="*/ 2773362 h 6175375"/>
              <a:gd name="connsiteX82" fmla="*/ 1647825 w 6521450"/>
              <a:gd name="connsiteY82" fmla="*/ 3321049 h 6175375"/>
              <a:gd name="connsiteX83" fmla="*/ 1647825 w 6521450"/>
              <a:gd name="connsiteY83" fmla="*/ 2560637 h 6175375"/>
              <a:gd name="connsiteX84" fmla="*/ 823913 w 6521450"/>
              <a:gd name="connsiteY84" fmla="*/ 2012949 h 6175375"/>
              <a:gd name="connsiteX85" fmla="*/ 1579563 w 6521450"/>
              <a:gd name="connsiteY85" fmla="*/ 2560637 h 6175375"/>
              <a:gd name="connsiteX86" fmla="*/ 1579563 w 6521450"/>
              <a:gd name="connsiteY86" fmla="*/ 3321049 h 6175375"/>
              <a:gd name="connsiteX87" fmla="*/ 823913 w 6521450"/>
              <a:gd name="connsiteY87" fmla="*/ 2773362 h 6175375"/>
              <a:gd name="connsiteX88" fmla="*/ 4941888 w 6521450"/>
              <a:gd name="connsiteY88" fmla="*/ 1428751 h 6175375"/>
              <a:gd name="connsiteX89" fmla="*/ 5661026 w 6521450"/>
              <a:gd name="connsiteY89" fmla="*/ 1949450 h 6175375"/>
              <a:gd name="connsiteX90" fmla="*/ 5138738 w 6521450"/>
              <a:gd name="connsiteY90" fmla="*/ 2328862 h 6175375"/>
              <a:gd name="connsiteX91" fmla="*/ 4941888 w 6521450"/>
              <a:gd name="connsiteY91" fmla="*/ 2185988 h 6175375"/>
              <a:gd name="connsiteX92" fmla="*/ 3300413 w 6521450"/>
              <a:gd name="connsiteY92" fmla="*/ 1428750 h 6175375"/>
              <a:gd name="connsiteX93" fmla="*/ 4016376 w 6521450"/>
              <a:gd name="connsiteY93" fmla="*/ 1949449 h 6175375"/>
              <a:gd name="connsiteX94" fmla="*/ 3494088 w 6521450"/>
              <a:gd name="connsiteY94" fmla="*/ 2328862 h 6175375"/>
              <a:gd name="connsiteX95" fmla="*/ 3300413 w 6521450"/>
              <a:gd name="connsiteY95" fmla="*/ 2185987 h 6175375"/>
              <a:gd name="connsiteX96" fmla="*/ 3227388 w 6521450"/>
              <a:gd name="connsiteY96" fmla="*/ 1428750 h 6175375"/>
              <a:gd name="connsiteX97" fmla="*/ 3227388 w 6521450"/>
              <a:gd name="connsiteY97" fmla="*/ 2185987 h 6175375"/>
              <a:gd name="connsiteX98" fmla="*/ 3030538 w 6521450"/>
              <a:gd name="connsiteY98" fmla="*/ 2328862 h 6175375"/>
              <a:gd name="connsiteX99" fmla="*/ 2511425 w 6521450"/>
              <a:gd name="connsiteY99" fmla="*/ 1949450 h 6175375"/>
              <a:gd name="connsiteX100" fmla="*/ 1647825 w 6521450"/>
              <a:gd name="connsiteY100" fmla="*/ 1428750 h 6175375"/>
              <a:gd name="connsiteX101" fmla="*/ 2368550 w 6521450"/>
              <a:gd name="connsiteY101" fmla="*/ 1949450 h 6175375"/>
              <a:gd name="connsiteX102" fmla="*/ 1844675 w 6521450"/>
              <a:gd name="connsiteY102" fmla="*/ 2328862 h 6175375"/>
              <a:gd name="connsiteX103" fmla="*/ 1647825 w 6521450"/>
              <a:gd name="connsiteY103" fmla="*/ 2185987 h 6175375"/>
              <a:gd name="connsiteX104" fmla="*/ 1579563 w 6521450"/>
              <a:gd name="connsiteY104" fmla="*/ 1428750 h 6175375"/>
              <a:gd name="connsiteX105" fmla="*/ 1579563 w 6521450"/>
              <a:gd name="connsiteY105" fmla="*/ 2185988 h 6175375"/>
              <a:gd name="connsiteX106" fmla="*/ 1382713 w 6521450"/>
              <a:gd name="connsiteY106" fmla="*/ 2328862 h 6175375"/>
              <a:gd name="connsiteX107" fmla="*/ 860425 w 6521450"/>
              <a:gd name="connsiteY107" fmla="*/ 1949450 h 6175375"/>
              <a:gd name="connsiteX108" fmla="*/ 4873625 w 6521450"/>
              <a:gd name="connsiteY108" fmla="*/ 1428749 h 6175375"/>
              <a:gd name="connsiteX109" fmla="*/ 4873625 w 6521450"/>
              <a:gd name="connsiteY109" fmla="*/ 2185987 h 6175375"/>
              <a:gd name="connsiteX110" fmla="*/ 4676775 w 6521450"/>
              <a:gd name="connsiteY110" fmla="*/ 2328862 h 6175375"/>
              <a:gd name="connsiteX111" fmla="*/ 4152900 w 6521450"/>
              <a:gd name="connsiteY111" fmla="*/ 1949449 h 6175375"/>
              <a:gd name="connsiteX112" fmla="*/ 4941888 w 6521450"/>
              <a:gd name="connsiteY112" fmla="*/ 584201 h 6175375"/>
              <a:gd name="connsiteX113" fmla="*/ 5697538 w 6521450"/>
              <a:gd name="connsiteY113" fmla="*/ 1133476 h 6175375"/>
              <a:gd name="connsiteX114" fmla="*/ 5697538 w 6521450"/>
              <a:gd name="connsiteY114" fmla="*/ 1893887 h 6175375"/>
              <a:gd name="connsiteX115" fmla="*/ 4941888 w 6521450"/>
              <a:gd name="connsiteY115" fmla="*/ 1344613 h 6175375"/>
              <a:gd name="connsiteX116" fmla="*/ 4873625 w 6521450"/>
              <a:gd name="connsiteY116" fmla="*/ 584201 h 6175375"/>
              <a:gd name="connsiteX117" fmla="*/ 4873625 w 6521450"/>
              <a:gd name="connsiteY117" fmla="*/ 1344613 h 6175375"/>
              <a:gd name="connsiteX118" fmla="*/ 4117975 w 6521450"/>
              <a:gd name="connsiteY118" fmla="*/ 1893887 h 6175375"/>
              <a:gd name="connsiteX119" fmla="*/ 4117975 w 6521450"/>
              <a:gd name="connsiteY119" fmla="*/ 1133476 h 6175375"/>
              <a:gd name="connsiteX120" fmla="*/ 3294063 w 6521450"/>
              <a:gd name="connsiteY120" fmla="*/ 584201 h 6175375"/>
              <a:gd name="connsiteX121" fmla="*/ 4049713 w 6521450"/>
              <a:gd name="connsiteY121" fmla="*/ 1133476 h 6175375"/>
              <a:gd name="connsiteX122" fmla="*/ 4049713 w 6521450"/>
              <a:gd name="connsiteY122" fmla="*/ 1893887 h 6175375"/>
              <a:gd name="connsiteX123" fmla="*/ 3294063 w 6521450"/>
              <a:gd name="connsiteY123" fmla="*/ 1344614 h 6175375"/>
              <a:gd name="connsiteX124" fmla="*/ 6521450 w 6521450"/>
              <a:gd name="connsiteY124" fmla="*/ 584200 h 6175375"/>
              <a:gd name="connsiteX125" fmla="*/ 6521450 w 6521450"/>
              <a:gd name="connsiteY125" fmla="*/ 1344613 h 6175375"/>
              <a:gd name="connsiteX126" fmla="*/ 5768975 w 6521450"/>
              <a:gd name="connsiteY126" fmla="*/ 1893887 h 6175375"/>
              <a:gd name="connsiteX127" fmla="*/ 5768975 w 6521450"/>
              <a:gd name="connsiteY127" fmla="*/ 1133476 h 6175375"/>
              <a:gd name="connsiteX128" fmla="*/ 5697538 w 6521450"/>
              <a:gd name="connsiteY128" fmla="*/ 1 h 6175375"/>
              <a:gd name="connsiteX129" fmla="*/ 5697538 w 6521450"/>
              <a:gd name="connsiteY129" fmla="*/ 757239 h 6175375"/>
              <a:gd name="connsiteX130" fmla="*/ 5500688 w 6521450"/>
              <a:gd name="connsiteY130" fmla="*/ 900113 h 6175375"/>
              <a:gd name="connsiteX131" fmla="*/ 4979988 w 6521450"/>
              <a:gd name="connsiteY131" fmla="*/ 522288 h 6175375"/>
              <a:gd name="connsiteX132" fmla="*/ 4117975 w 6521450"/>
              <a:gd name="connsiteY132" fmla="*/ 1 h 6175375"/>
              <a:gd name="connsiteX133" fmla="*/ 4837113 w 6521450"/>
              <a:gd name="connsiteY133" fmla="*/ 522288 h 6175375"/>
              <a:gd name="connsiteX134" fmla="*/ 4314825 w 6521450"/>
              <a:gd name="connsiteY134" fmla="*/ 900114 h 6175375"/>
              <a:gd name="connsiteX135" fmla="*/ 4117975 w 6521450"/>
              <a:gd name="connsiteY135" fmla="*/ 757239 h 6175375"/>
              <a:gd name="connsiteX136" fmla="*/ 4049713 w 6521450"/>
              <a:gd name="connsiteY136" fmla="*/ 1 h 6175375"/>
              <a:gd name="connsiteX137" fmla="*/ 4049713 w 6521450"/>
              <a:gd name="connsiteY137" fmla="*/ 757239 h 6175375"/>
              <a:gd name="connsiteX138" fmla="*/ 3851275 w 6521450"/>
              <a:gd name="connsiteY138" fmla="*/ 900114 h 6175375"/>
              <a:gd name="connsiteX139" fmla="*/ 3328988 w 6521450"/>
              <a:gd name="connsiteY139" fmla="*/ 522288 h 6175375"/>
              <a:gd name="connsiteX140" fmla="*/ 5768975 w 6521450"/>
              <a:gd name="connsiteY140" fmla="*/ 0 h 6175375"/>
              <a:gd name="connsiteX141" fmla="*/ 6484938 w 6521450"/>
              <a:gd name="connsiteY141" fmla="*/ 522288 h 6175375"/>
              <a:gd name="connsiteX142" fmla="*/ 5965825 w 6521450"/>
              <a:gd name="connsiteY142" fmla="*/ 900113 h 6175375"/>
              <a:gd name="connsiteX143" fmla="*/ 5768975 w 6521450"/>
              <a:gd name="connsiteY143" fmla="*/ 757238 h 61753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</a:cxnLst>
            <a:rect l="l" t="t" r="r" b="b"/>
            <a:pathLst>
              <a:path w="6521450" h="6175375">
                <a:moveTo>
                  <a:pt x="4052888" y="4868862"/>
                </a:moveTo>
                <a:lnTo>
                  <a:pt x="4052888" y="5626100"/>
                </a:lnTo>
                <a:lnTo>
                  <a:pt x="3300413" y="6175375"/>
                </a:lnTo>
                <a:lnTo>
                  <a:pt x="3300413" y="5418137"/>
                </a:lnTo>
                <a:close/>
                <a:moveTo>
                  <a:pt x="2471738" y="4868862"/>
                </a:moveTo>
                <a:lnTo>
                  <a:pt x="3227388" y="5418137"/>
                </a:lnTo>
                <a:lnTo>
                  <a:pt x="3227388" y="6175375"/>
                </a:lnTo>
                <a:lnTo>
                  <a:pt x="2471738" y="5626100"/>
                </a:lnTo>
                <a:close/>
                <a:moveTo>
                  <a:pt x="3300413" y="4281487"/>
                </a:moveTo>
                <a:lnTo>
                  <a:pt x="4016376" y="4806950"/>
                </a:lnTo>
                <a:lnTo>
                  <a:pt x="3494088" y="5184775"/>
                </a:lnTo>
                <a:lnTo>
                  <a:pt x="3300413" y="5041900"/>
                </a:lnTo>
                <a:close/>
                <a:moveTo>
                  <a:pt x="3227388" y="4281487"/>
                </a:moveTo>
                <a:lnTo>
                  <a:pt x="3227388" y="5041900"/>
                </a:lnTo>
                <a:lnTo>
                  <a:pt x="3030538" y="5184775"/>
                </a:lnTo>
                <a:lnTo>
                  <a:pt x="2511425" y="4806950"/>
                </a:lnTo>
                <a:close/>
                <a:moveTo>
                  <a:pt x="4873625" y="3443287"/>
                </a:moveTo>
                <a:lnTo>
                  <a:pt x="4873625" y="4203700"/>
                </a:lnTo>
                <a:lnTo>
                  <a:pt x="4117975" y="4752975"/>
                </a:lnTo>
                <a:lnTo>
                  <a:pt x="4117975" y="3992562"/>
                </a:lnTo>
                <a:close/>
                <a:moveTo>
                  <a:pt x="3294063" y="3443287"/>
                </a:moveTo>
                <a:lnTo>
                  <a:pt x="4049713" y="3992562"/>
                </a:lnTo>
                <a:lnTo>
                  <a:pt x="4049713" y="4752975"/>
                </a:lnTo>
                <a:lnTo>
                  <a:pt x="3294063" y="4203700"/>
                </a:lnTo>
                <a:close/>
                <a:moveTo>
                  <a:pt x="3227388" y="3443287"/>
                </a:moveTo>
                <a:lnTo>
                  <a:pt x="3227388" y="4203700"/>
                </a:lnTo>
                <a:lnTo>
                  <a:pt x="2474913" y="4752975"/>
                </a:lnTo>
                <a:lnTo>
                  <a:pt x="2474913" y="3992562"/>
                </a:lnTo>
                <a:close/>
                <a:moveTo>
                  <a:pt x="1647825" y="3443287"/>
                </a:moveTo>
                <a:lnTo>
                  <a:pt x="2403475" y="3992562"/>
                </a:lnTo>
                <a:lnTo>
                  <a:pt x="2403475" y="4752975"/>
                </a:lnTo>
                <a:lnTo>
                  <a:pt x="1647825" y="4203700"/>
                </a:lnTo>
                <a:close/>
                <a:moveTo>
                  <a:pt x="1579563" y="3443287"/>
                </a:moveTo>
                <a:lnTo>
                  <a:pt x="1579563" y="4203700"/>
                </a:lnTo>
                <a:lnTo>
                  <a:pt x="823913" y="4752975"/>
                </a:lnTo>
                <a:lnTo>
                  <a:pt x="823913" y="3992562"/>
                </a:lnTo>
                <a:close/>
                <a:moveTo>
                  <a:pt x="0" y="3443287"/>
                </a:moveTo>
                <a:lnTo>
                  <a:pt x="755650" y="3992562"/>
                </a:lnTo>
                <a:lnTo>
                  <a:pt x="755650" y="4752975"/>
                </a:lnTo>
                <a:lnTo>
                  <a:pt x="0" y="4203700"/>
                </a:lnTo>
                <a:close/>
                <a:moveTo>
                  <a:pt x="4117975" y="2859087"/>
                </a:moveTo>
                <a:lnTo>
                  <a:pt x="4837113" y="3381375"/>
                </a:lnTo>
                <a:lnTo>
                  <a:pt x="4314825" y="3760787"/>
                </a:lnTo>
                <a:lnTo>
                  <a:pt x="4117975" y="3616325"/>
                </a:lnTo>
                <a:close/>
                <a:moveTo>
                  <a:pt x="4049713" y="2859087"/>
                </a:moveTo>
                <a:lnTo>
                  <a:pt x="4049713" y="3616325"/>
                </a:lnTo>
                <a:lnTo>
                  <a:pt x="3851275" y="3760787"/>
                </a:lnTo>
                <a:lnTo>
                  <a:pt x="3328988" y="3381375"/>
                </a:lnTo>
                <a:close/>
                <a:moveTo>
                  <a:pt x="2474913" y="2859087"/>
                </a:moveTo>
                <a:lnTo>
                  <a:pt x="3192463" y="3381375"/>
                </a:lnTo>
                <a:lnTo>
                  <a:pt x="2670175" y="3760787"/>
                </a:lnTo>
                <a:lnTo>
                  <a:pt x="2474913" y="3616325"/>
                </a:lnTo>
                <a:close/>
                <a:moveTo>
                  <a:pt x="2403476" y="2859087"/>
                </a:moveTo>
                <a:lnTo>
                  <a:pt x="2403476" y="3616325"/>
                </a:lnTo>
                <a:lnTo>
                  <a:pt x="2206626" y="3760787"/>
                </a:lnTo>
                <a:lnTo>
                  <a:pt x="1687513" y="3381375"/>
                </a:lnTo>
                <a:close/>
                <a:moveTo>
                  <a:pt x="823913" y="2859087"/>
                </a:moveTo>
                <a:lnTo>
                  <a:pt x="1544638" y="3381375"/>
                </a:lnTo>
                <a:lnTo>
                  <a:pt x="1020763" y="3760787"/>
                </a:lnTo>
                <a:lnTo>
                  <a:pt x="823913" y="3616325"/>
                </a:lnTo>
                <a:close/>
                <a:moveTo>
                  <a:pt x="755651" y="2859087"/>
                </a:moveTo>
                <a:lnTo>
                  <a:pt x="755651" y="3616325"/>
                </a:lnTo>
                <a:lnTo>
                  <a:pt x="558801" y="3760787"/>
                </a:lnTo>
                <a:lnTo>
                  <a:pt x="36513" y="3381375"/>
                </a:lnTo>
                <a:close/>
                <a:moveTo>
                  <a:pt x="5697538" y="2012949"/>
                </a:moveTo>
                <a:lnTo>
                  <a:pt x="5697538" y="2773362"/>
                </a:lnTo>
                <a:lnTo>
                  <a:pt x="4941888" y="3321049"/>
                </a:lnTo>
                <a:lnTo>
                  <a:pt x="4941888" y="2560637"/>
                </a:lnTo>
                <a:close/>
                <a:moveTo>
                  <a:pt x="4117975" y="2012949"/>
                </a:moveTo>
                <a:lnTo>
                  <a:pt x="4873625" y="2560637"/>
                </a:lnTo>
                <a:lnTo>
                  <a:pt x="4873625" y="3321049"/>
                </a:lnTo>
                <a:lnTo>
                  <a:pt x="4117975" y="2773362"/>
                </a:lnTo>
                <a:close/>
                <a:moveTo>
                  <a:pt x="4052888" y="2012949"/>
                </a:moveTo>
                <a:lnTo>
                  <a:pt x="4052888" y="2773362"/>
                </a:lnTo>
                <a:lnTo>
                  <a:pt x="3300413" y="3321049"/>
                </a:lnTo>
                <a:lnTo>
                  <a:pt x="3300413" y="2560637"/>
                </a:lnTo>
                <a:close/>
                <a:moveTo>
                  <a:pt x="2471738" y="2012949"/>
                </a:moveTo>
                <a:lnTo>
                  <a:pt x="3227388" y="2560637"/>
                </a:lnTo>
                <a:lnTo>
                  <a:pt x="3227388" y="3321049"/>
                </a:lnTo>
                <a:lnTo>
                  <a:pt x="2471738" y="2773362"/>
                </a:lnTo>
                <a:close/>
                <a:moveTo>
                  <a:pt x="2403475" y="2012949"/>
                </a:moveTo>
                <a:lnTo>
                  <a:pt x="2403475" y="2773362"/>
                </a:lnTo>
                <a:lnTo>
                  <a:pt x="1647825" y="3321049"/>
                </a:lnTo>
                <a:lnTo>
                  <a:pt x="1647825" y="2560637"/>
                </a:lnTo>
                <a:close/>
                <a:moveTo>
                  <a:pt x="823913" y="2012949"/>
                </a:moveTo>
                <a:lnTo>
                  <a:pt x="1579563" y="2560637"/>
                </a:lnTo>
                <a:lnTo>
                  <a:pt x="1579563" y="3321049"/>
                </a:lnTo>
                <a:lnTo>
                  <a:pt x="823913" y="2773362"/>
                </a:lnTo>
                <a:close/>
                <a:moveTo>
                  <a:pt x="4941888" y="1428751"/>
                </a:moveTo>
                <a:lnTo>
                  <a:pt x="5661026" y="1949450"/>
                </a:lnTo>
                <a:lnTo>
                  <a:pt x="5138738" y="2328862"/>
                </a:lnTo>
                <a:lnTo>
                  <a:pt x="4941888" y="2185988"/>
                </a:lnTo>
                <a:close/>
                <a:moveTo>
                  <a:pt x="3300413" y="1428750"/>
                </a:moveTo>
                <a:lnTo>
                  <a:pt x="4016376" y="1949449"/>
                </a:lnTo>
                <a:lnTo>
                  <a:pt x="3494088" y="2328862"/>
                </a:lnTo>
                <a:lnTo>
                  <a:pt x="3300413" y="2185987"/>
                </a:lnTo>
                <a:close/>
                <a:moveTo>
                  <a:pt x="3227388" y="1428750"/>
                </a:moveTo>
                <a:lnTo>
                  <a:pt x="3227388" y="2185987"/>
                </a:lnTo>
                <a:lnTo>
                  <a:pt x="3030538" y="2328862"/>
                </a:lnTo>
                <a:lnTo>
                  <a:pt x="2511425" y="1949450"/>
                </a:lnTo>
                <a:close/>
                <a:moveTo>
                  <a:pt x="1647825" y="1428750"/>
                </a:moveTo>
                <a:lnTo>
                  <a:pt x="2368550" y="1949450"/>
                </a:lnTo>
                <a:lnTo>
                  <a:pt x="1844675" y="2328862"/>
                </a:lnTo>
                <a:lnTo>
                  <a:pt x="1647825" y="2185987"/>
                </a:lnTo>
                <a:close/>
                <a:moveTo>
                  <a:pt x="1579563" y="1428750"/>
                </a:moveTo>
                <a:lnTo>
                  <a:pt x="1579563" y="2185988"/>
                </a:lnTo>
                <a:lnTo>
                  <a:pt x="1382713" y="2328862"/>
                </a:lnTo>
                <a:lnTo>
                  <a:pt x="860425" y="1949450"/>
                </a:lnTo>
                <a:close/>
                <a:moveTo>
                  <a:pt x="4873625" y="1428749"/>
                </a:moveTo>
                <a:lnTo>
                  <a:pt x="4873625" y="2185987"/>
                </a:lnTo>
                <a:lnTo>
                  <a:pt x="4676775" y="2328862"/>
                </a:lnTo>
                <a:lnTo>
                  <a:pt x="4152900" y="1949449"/>
                </a:lnTo>
                <a:close/>
                <a:moveTo>
                  <a:pt x="4941888" y="584201"/>
                </a:moveTo>
                <a:lnTo>
                  <a:pt x="5697538" y="1133476"/>
                </a:lnTo>
                <a:lnTo>
                  <a:pt x="5697538" y="1893887"/>
                </a:lnTo>
                <a:lnTo>
                  <a:pt x="4941888" y="1344613"/>
                </a:lnTo>
                <a:close/>
                <a:moveTo>
                  <a:pt x="4873625" y="584201"/>
                </a:moveTo>
                <a:lnTo>
                  <a:pt x="4873625" y="1344613"/>
                </a:lnTo>
                <a:lnTo>
                  <a:pt x="4117975" y="1893887"/>
                </a:lnTo>
                <a:lnTo>
                  <a:pt x="4117975" y="1133476"/>
                </a:lnTo>
                <a:close/>
                <a:moveTo>
                  <a:pt x="3294063" y="584201"/>
                </a:moveTo>
                <a:lnTo>
                  <a:pt x="4049713" y="1133476"/>
                </a:lnTo>
                <a:lnTo>
                  <a:pt x="4049713" y="1893887"/>
                </a:lnTo>
                <a:lnTo>
                  <a:pt x="3294063" y="1344614"/>
                </a:lnTo>
                <a:close/>
                <a:moveTo>
                  <a:pt x="6521450" y="584200"/>
                </a:moveTo>
                <a:lnTo>
                  <a:pt x="6521450" y="1344613"/>
                </a:lnTo>
                <a:lnTo>
                  <a:pt x="5768975" y="1893887"/>
                </a:lnTo>
                <a:lnTo>
                  <a:pt x="5768975" y="1133476"/>
                </a:lnTo>
                <a:close/>
                <a:moveTo>
                  <a:pt x="5697538" y="1"/>
                </a:moveTo>
                <a:lnTo>
                  <a:pt x="5697538" y="757239"/>
                </a:lnTo>
                <a:lnTo>
                  <a:pt x="5500688" y="900113"/>
                </a:lnTo>
                <a:lnTo>
                  <a:pt x="4979988" y="522288"/>
                </a:lnTo>
                <a:close/>
                <a:moveTo>
                  <a:pt x="4117975" y="1"/>
                </a:moveTo>
                <a:lnTo>
                  <a:pt x="4837113" y="522288"/>
                </a:lnTo>
                <a:lnTo>
                  <a:pt x="4314825" y="900114"/>
                </a:lnTo>
                <a:lnTo>
                  <a:pt x="4117975" y="757239"/>
                </a:lnTo>
                <a:close/>
                <a:moveTo>
                  <a:pt x="4049713" y="1"/>
                </a:moveTo>
                <a:lnTo>
                  <a:pt x="4049713" y="757239"/>
                </a:lnTo>
                <a:lnTo>
                  <a:pt x="3851275" y="900114"/>
                </a:lnTo>
                <a:lnTo>
                  <a:pt x="3328988" y="522288"/>
                </a:lnTo>
                <a:close/>
                <a:moveTo>
                  <a:pt x="5768975" y="0"/>
                </a:moveTo>
                <a:lnTo>
                  <a:pt x="6484938" y="522288"/>
                </a:lnTo>
                <a:lnTo>
                  <a:pt x="5965825" y="900113"/>
                </a:lnTo>
                <a:lnTo>
                  <a:pt x="5768975" y="757238"/>
                </a:lnTo>
                <a:close/>
              </a:path>
            </a:pathLst>
          </a:custGeom>
        </p:spPr>
        <p:txBody>
          <a:bodyPr wrap="square" anchor="t">
            <a:noAutofit/>
          </a:bodyPr>
          <a:lstStyle>
            <a:lvl1pPr marL="0" indent="0" algn="l">
              <a:lnSpc>
                <a:spcPct val="100000"/>
              </a:lnSpc>
              <a:buNone/>
              <a:defRPr sz="1867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on the centre icon to</a:t>
            </a:r>
            <a:br>
              <a:rPr lang="en-GB" dirty="0"/>
            </a:br>
            <a:r>
              <a:rPr lang="en-GB" dirty="0"/>
              <a:t>insert picture. Use the crop </a:t>
            </a:r>
            <a:br>
              <a:rPr lang="en-GB" dirty="0"/>
            </a:br>
            <a:r>
              <a:rPr lang="en-GB" dirty="0"/>
              <a:t>tool to reposition your image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9018" y="482600"/>
            <a:ext cx="648991" cy="508000"/>
          </a:xfrm>
          <a:prstGeom prst="rect">
            <a:avLst/>
          </a:prstGeom>
        </p:spPr>
      </p:pic>
      <p:cxnSp>
        <p:nvCxnSpPr>
          <p:cNvPr id="9" name="Straight Connector 8"/>
          <p:cNvCxnSpPr/>
          <p:nvPr/>
        </p:nvCxnSpPr>
        <p:spPr>
          <a:xfrm>
            <a:off x="8636000" y="4343400"/>
            <a:ext cx="0" cy="1727200"/>
          </a:xfrm>
          <a:prstGeom prst="line">
            <a:avLst/>
          </a:prstGeom>
          <a:ln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689600" y="4572149"/>
            <a:ext cx="2743200" cy="1035049"/>
          </a:xfrm>
          <a:prstGeom prst="rect">
            <a:avLst/>
          </a:prstGeom>
        </p:spPr>
        <p:txBody>
          <a:bodyPr anchor="b">
            <a:noAutofit/>
          </a:bodyPr>
          <a:lstStyle>
            <a:lvl1pPr algn="r">
              <a:defRPr sz="3067" baseline="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978400" y="5765801"/>
            <a:ext cx="3454400" cy="431948"/>
          </a:xfrm>
          <a:prstGeom prst="rect">
            <a:avLst/>
          </a:prstGeom>
        </p:spPr>
        <p:txBody>
          <a:bodyPr anchor="b"/>
          <a:lstStyle>
            <a:lvl1pPr marL="0" indent="0" algn="r">
              <a:buNone/>
              <a:defRPr sz="1800">
                <a:solidFill>
                  <a:schemeClr val="accent3"/>
                </a:solidFill>
              </a:defRPr>
            </a:lvl1pPr>
            <a:lvl2pPr marL="342891" indent="0" algn="ctr">
              <a:buNone/>
              <a:defRPr sz="1500"/>
            </a:lvl2pPr>
            <a:lvl3pPr marL="685783" indent="0" algn="ctr">
              <a:buNone/>
              <a:defRPr sz="1351"/>
            </a:lvl3pPr>
            <a:lvl4pPr marL="1028674" indent="0" algn="ctr">
              <a:buNone/>
              <a:defRPr sz="1200"/>
            </a:lvl4pPr>
            <a:lvl5pPr marL="1371566" indent="0" algn="ctr">
              <a:buNone/>
              <a:defRPr sz="1200"/>
            </a:lvl5pPr>
            <a:lvl6pPr marL="1714457" indent="0" algn="ctr">
              <a:buNone/>
              <a:defRPr sz="1200"/>
            </a:lvl6pPr>
            <a:lvl7pPr marL="2057349" indent="0" algn="ctr">
              <a:buNone/>
              <a:defRPr sz="1200"/>
            </a:lvl7pPr>
            <a:lvl8pPr marL="2400240" indent="0" algn="ctr">
              <a:buNone/>
              <a:defRPr sz="1200"/>
            </a:lvl8pPr>
            <a:lvl9pPr marL="2743131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GB" dirty="0"/>
          </a:p>
        </p:txBody>
      </p:sp>
      <p:sp>
        <p:nvSpPr>
          <p:cNvPr id="8" name="Rectangle 7"/>
          <p:cNvSpPr/>
          <p:nvPr/>
        </p:nvSpPr>
        <p:spPr>
          <a:xfrm>
            <a:off x="0" y="0"/>
            <a:ext cx="9139200" cy="6858000"/>
          </a:xfrm>
          <a:prstGeom prst="rect">
            <a:avLst/>
          </a:prstGeom>
          <a:noFill/>
          <a:ln w="6350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9018" y="482600"/>
            <a:ext cx="648991" cy="508000"/>
          </a:xfrm>
          <a:prstGeom prst="rect">
            <a:avLst/>
          </a:prstGeom>
        </p:spPr>
      </p:pic>
      <p:cxnSp>
        <p:nvCxnSpPr>
          <p:cNvPr id="12" name="Straight Connector 11"/>
          <p:cNvCxnSpPr/>
          <p:nvPr/>
        </p:nvCxnSpPr>
        <p:spPr>
          <a:xfrm>
            <a:off x="8636000" y="4343400"/>
            <a:ext cx="0" cy="1727200"/>
          </a:xfrm>
          <a:prstGeom prst="line">
            <a:avLst/>
          </a:prstGeom>
          <a:ln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/>
          <p:nvPr/>
        </p:nvSpPr>
        <p:spPr>
          <a:xfrm>
            <a:off x="0" y="0"/>
            <a:ext cx="9139200" cy="6858000"/>
          </a:xfrm>
          <a:prstGeom prst="rect">
            <a:avLst/>
          </a:prstGeom>
          <a:noFill/>
          <a:ln w="6350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9018" y="482600"/>
            <a:ext cx="648991" cy="508000"/>
          </a:xfrm>
          <a:prstGeom prst="rect">
            <a:avLst/>
          </a:prstGeom>
        </p:spPr>
      </p:pic>
      <p:cxnSp>
        <p:nvCxnSpPr>
          <p:cNvPr id="15" name="Straight Connector 14"/>
          <p:cNvCxnSpPr/>
          <p:nvPr userDrawn="1"/>
        </p:nvCxnSpPr>
        <p:spPr>
          <a:xfrm>
            <a:off x="8636000" y="4343400"/>
            <a:ext cx="0" cy="1727200"/>
          </a:xfrm>
          <a:prstGeom prst="line">
            <a:avLst/>
          </a:prstGeom>
          <a:ln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Rectangle 15"/>
          <p:cNvSpPr/>
          <p:nvPr userDrawn="1"/>
        </p:nvSpPr>
        <p:spPr>
          <a:xfrm>
            <a:off x="0" y="0"/>
            <a:ext cx="9139200" cy="6858000"/>
          </a:xfrm>
          <a:prstGeom prst="rect">
            <a:avLst/>
          </a:prstGeom>
          <a:noFill/>
          <a:ln w="6350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/>
          </a:p>
        </p:txBody>
      </p:sp>
    </p:spTree>
    <p:extLst>
      <p:ext uri="{BB962C8B-B14F-4D97-AF65-F5344CB8AC3E}">
        <p14:creationId xmlns:p14="http://schemas.microsoft.com/office/powerpoint/2010/main" val="92008096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1196753"/>
            <a:ext cx="5486400" cy="3530823"/>
          </a:xfrm>
        </p:spPr>
        <p:txBody>
          <a:bodyPr/>
          <a:lstStyle>
            <a:lvl1pPr marL="0" indent="0">
              <a:buNone/>
              <a:defRPr sz="2400">
                <a:solidFill>
                  <a:schemeClr val="bg1">
                    <a:lumMod val="50000"/>
                  </a:schemeClr>
                </a:solidFill>
              </a:defRPr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lang="en-GB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828800" y="5216526"/>
            <a:ext cx="5486400" cy="804863"/>
          </a:xfrm>
        </p:spPr>
        <p:txBody>
          <a:bodyPr/>
          <a:lstStyle>
            <a:lvl1pPr marL="0" indent="0">
              <a:buNone/>
              <a:defRPr sz="1400">
                <a:solidFill>
                  <a:schemeClr val="bg1">
                    <a:lumMod val="50000"/>
                  </a:schemeClr>
                </a:solidFill>
              </a:defRPr>
            </a:lvl1pPr>
            <a:lvl2pPr marL="457189" indent="0">
              <a:buNone/>
              <a:defRPr sz="1200"/>
            </a:lvl2pPr>
            <a:lvl3pPr marL="914377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1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D3E8C43-83F1-421E-B0F0-C7142806EDE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Picture 1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72368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, 2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>
          <a:xfrm>
            <a:off x="381002" y="1196975"/>
            <a:ext cx="4118991" cy="2273300"/>
          </a:xfrm>
        </p:spPr>
        <p:txBody>
          <a:bodyPr/>
          <a:lstStyle>
            <a:lvl1pPr marL="228594" indent="-228594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2"/>
          </p:nvPr>
        </p:nvSpPr>
        <p:spPr>
          <a:xfrm>
            <a:off x="381002" y="3622675"/>
            <a:ext cx="4114799" cy="2398613"/>
          </a:xfrm>
        </p:spPr>
        <p:txBody>
          <a:bodyPr/>
          <a:lstStyle>
            <a:lvl1pPr marL="228594" indent="-228594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half" idx="3"/>
          </p:nvPr>
        </p:nvSpPr>
        <p:spPr>
          <a:xfrm>
            <a:off x="4642982" y="1196976"/>
            <a:ext cx="4106381" cy="4824313"/>
          </a:xfrm>
        </p:spPr>
        <p:txBody>
          <a:bodyPr/>
          <a:lstStyle>
            <a:lvl1pPr marL="228594" indent="-228594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6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AE42ACCF-8CAF-4376-9D2C-B01FE328CA02}" type="slidenum">
              <a:rPr lang="en-GB" smtClean="0"/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GB" dirty="0"/>
          </a:p>
        </p:txBody>
      </p:sp>
      <p:sp>
        <p:nvSpPr>
          <p:cNvPr id="8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124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, Text,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381002" y="1196974"/>
            <a:ext cx="4114799" cy="4824415"/>
          </a:xfrm>
        </p:spPr>
        <p:txBody>
          <a:bodyPr/>
          <a:lstStyle>
            <a:lvl1pPr marL="228594" indent="-228594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2"/>
          </p:nvPr>
        </p:nvSpPr>
        <p:spPr>
          <a:xfrm>
            <a:off x="4648199" y="1196975"/>
            <a:ext cx="4101164" cy="2273300"/>
          </a:xfrm>
        </p:spPr>
        <p:txBody>
          <a:bodyPr/>
          <a:lstStyle>
            <a:lvl1pPr marL="228594" indent="-228594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sz="quarter" idx="3"/>
          </p:nvPr>
        </p:nvSpPr>
        <p:spPr>
          <a:xfrm>
            <a:off x="4648200" y="3622677"/>
            <a:ext cx="4101163" cy="2398713"/>
          </a:xfrm>
        </p:spPr>
        <p:txBody>
          <a:bodyPr/>
          <a:lstStyle>
            <a:lvl1pPr marL="228594" indent="-228594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6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AE42ACCF-8CAF-4376-9D2C-B01FE328CA02}" type="slidenum">
              <a:rPr lang="en-GB" smtClean="0"/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GB" dirty="0"/>
          </a:p>
        </p:txBody>
      </p:sp>
      <p:sp>
        <p:nvSpPr>
          <p:cNvPr id="8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8354475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, Text,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381002" y="1196974"/>
            <a:ext cx="4114799" cy="4824415"/>
          </a:xfrm>
        </p:spPr>
        <p:txBody>
          <a:bodyPr/>
          <a:lstStyle>
            <a:lvl1pPr marL="228594" indent="-228594" algn="l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199" y="1196974"/>
            <a:ext cx="4101164" cy="4824415"/>
          </a:xfrm>
        </p:spPr>
        <p:txBody>
          <a:bodyPr/>
          <a:lstStyle>
            <a:lvl1pPr marL="228594" indent="-228594" algn="l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AE42ACCF-8CAF-4376-9D2C-B01FE328CA02}" type="slidenum">
              <a:rPr lang="en-GB" smtClean="0"/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GB" dirty="0"/>
          </a:p>
        </p:txBody>
      </p:sp>
      <p:sp>
        <p:nvSpPr>
          <p:cNvPr id="8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Picture 1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77958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eft Hand Cube Picture Mas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199" y="1196974"/>
            <a:ext cx="4101164" cy="4824415"/>
          </a:xfrm>
        </p:spPr>
        <p:txBody>
          <a:bodyPr/>
          <a:lstStyle>
            <a:lvl1pPr marL="228594" indent="-228594" algn="l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AE42ACCF-8CAF-4376-9D2C-B01FE328CA02}" type="slidenum">
              <a:rPr lang="en-GB" smtClean="0"/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GB" dirty="0"/>
          </a:p>
        </p:txBody>
      </p:sp>
      <p:sp>
        <p:nvSpPr>
          <p:cNvPr id="8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rgbClr val="0058A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Picture Placeholder 122"/>
          <p:cNvSpPr>
            <a:spLocks noGrp="1"/>
          </p:cNvSpPr>
          <p:nvPr>
            <p:ph type="pic" sz="quarter" idx="13" hasCustomPrompt="1"/>
          </p:nvPr>
        </p:nvSpPr>
        <p:spPr>
          <a:xfrm>
            <a:off x="71720" y="1718195"/>
            <a:ext cx="3656320" cy="5125461"/>
          </a:xfrm>
          <a:custGeom>
            <a:avLst/>
            <a:gdLst>
              <a:gd name="connsiteX0" fmla="*/ 1070667 w 2742240"/>
              <a:gd name="connsiteY0" fmla="*/ 3317254 h 3844096"/>
              <a:gd name="connsiteX1" fmla="*/ 1070667 w 2742240"/>
              <a:gd name="connsiteY1" fmla="*/ 3833176 h 3844096"/>
              <a:gd name="connsiteX2" fmla="*/ 1055799 w 2742240"/>
              <a:gd name="connsiteY2" fmla="*/ 3844096 h 3844096"/>
              <a:gd name="connsiteX3" fmla="*/ 561133 w 2742240"/>
              <a:gd name="connsiteY3" fmla="*/ 3844096 h 3844096"/>
              <a:gd name="connsiteX4" fmla="*/ 561133 w 2742240"/>
              <a:gd name="connsiteY4" fmla="*/ 3691487 h 3844096"/>
              <a:gd name="connsiteX5" fmla="*/ 0 w 2742240"/>
              <a:gd name="connsiteY5" fmla="*/ 3317254 h 3844096"/>
              <a:gd name="connsiteX6" fmla="*/ 511684 w 2742240"/>
              <a:gd name="connsiteY6" fmla="*/ 3691487 h 3844096"/>
              <a:gd name="connsiteX7" fmla="*/ 511684 w 2742240"/>
              <a:gd name="connsiteY7" fmla="*/ 3844096 h 3844096"/>
              <a:gd name="connsiteX8" fmla="*/ 14931 w 2742240"/>
              <a:gd name="connsiteY8" fmla="*/ 3844096 h 3844096"/>
              <a:gd name="connsiteX9" fmla="*/ 0 w 2742240"/>
              <a:gd name="connsiteY9" fmla="*/ 3833176 h 3844096"/>
              <a:gd name="connsiteX10" fmla="*/ 561133 w 2742240"/>
              <a:gd name="connsiteY10" fmla="*/ 2917064 h 3844096"/>
              <a:gd name="connsiteX11" fmla="*/ 1045943 w 2742240"/>
              <a:gd name="connsiteY11" fmla="*/ 3275072 h 3844096"/>
              <a:gd name="connsiteX12" fmla="*/ 692279 w 2742240"/>
              <a:gd name="connsiteY12" fmla="*/ 3532492 h 3844096"/>
              <a:gd name="connsiteX13" fmla="*/ 561133 w 2742240"/>
              <a:gd name="connsiteY13" fmla="*/ 3435149 h 3844096"/>
              <a:gd name="connsiteX14" fmla="*/ 511684 w 2742240"/>
              <a:gd name="connsiteY14" fmla="*/ 2917064 h 3844096"/>
              <a:gd name="connsiteX15" fmla="*/ 511684 w 2742240"/>
              <a:gd name="connsiteY15" fmla="*/ 3435149 h 3844096"/>
              <a:gd name="connsiteX16" fmla="*/ 378388 w 2742240"/>
              <a:gd name="connsiteY16" fmla="*/ 3532492 h 3844096"/>
              <a:gd name="connsiteX17" fmla="*/ 26874 w 2742240"/>
              <a:gd name="connsiteY17" fmla="*/ 3275072 h 3844096"/>
              <a:gd name="connsiteX18" fmla="*/ 1626424 w 2742240"/>
              <a:gd name="connsiteY18" fmla="*/ 2345981 h 3844096"/>
              <a:gd name="connsiteX19" fmla="*/ 1626424 w 2742240"/>
              <a:gd name="connsiteY19" fmla="*/ 2864066 h 3844096"/>
              <a:gd name="connsiteX20" fmla="*/ 1114740 w 2742240"/>
              <a:gd name="connsiteY20" fmla="*/ 3238298 h 3844096"/>
              <a:gd name="connsiteX21" fmla="*/ 1114740 w 2742240"/>
              <a:gd name="connsiteY21" fmla="*/ 2720213 h 3844096"/>
              <a:gd name="connsiteX22" fmla="*/ 556833 w 2742240"/>
              <a:gd name="connsiteY22" fmla="*/ 2345981 h 3844096"/>
              <a:gd name="connsiteX23" fmla="*/ 1068517 w 2742240"/>
              <a:gd name="connsiteY23" fmla="*/ 2720213 h 3844096"/>
              <a:gd name="connsiteX24" fmla="*/ 1068517 w 2742240"/>
              <a:gd name="connsiteY24" fmla="*/ 3238298 h 3844096"/>
              <a:gd name="connsiteX25" fmla="*/ 556833 w 2742240"/>
              <a:gd name="connsiteY25" fmla="*/ 2864066 h 3844096"/>
              <a:gd name="connsiteX26" fmla="*/ 511684 w 2742240"/>
              <a:gd name="connsiteY26" fmla="*/ 2345981 h 3844096"/>
              <a:gd name="connsiteX27" fmla="*/ 511684 w 2742240"/>
              <a:gd name="connsiteY27" fmla="*/ 2864066 h 3844096"/>
              <a:gd name="connsiteX28" fmla="*/ 2150 w 2742240"/>
              <a:gd name="connsiteY28" fmla="*/ 3238298 h 3844096"/>
              <a:gd name="connsiteX29" fmla="*/ 2150 w 2742240"/>
              <a:gd name="connsiteY29" fmla="*/ 2720213 h 3844096"/>
              <a:gd name="connsiteX30" fmla="*/ 1114740 w 2742240"/>
              <a:gd name="connsiteY30" fmla="*/ 1947954 h 3844096"/>
              <a:gd name="connsiteX31" fmla="*/ 1601700 w 2742240"/>
              <a:gd name="connsiteY31" fmla="*/ 2303799 h 3844096"/>
              <a:gd name="connsiteX32" fmla="*/ 1248036 w 2742240"/>
              <a:gd name="connsiteY32" fmla="*/ 2562301 h 3844096"/>
              <a:gd name="connsiteX33" fmla="*/ 1114740 w 2742240"/>
              <a:gd name="connsiteY33" fmla="*/ 2463876 h 3844096"/>
              <a:gd name="connsiteX34" fmla="*/ 1068517 w 2742240"/>
              <a:gd name="connsiteY34" fmla="*/ 1947954 h 3844096"/>
              <a:gd name="connsiteX35" fmla="*/ 1068517 w 2742240"/>
              <a:gd name="connsiteY35" fmla="*/ 2463876 h 3844096"/>
              <a:gd name="connsiteX36" fmla="*/ 934146 w 2742240"/>
              <a:gd name="connsiteY36" fmla="*/ 2562301 h 3844096"/>
              <a:gd name="connsiteX37" fmla="*/ 580482 w 2742240"/>
              <a:gd name="connsiteY37" fmla="*/ 2303799 h 3844096"/>
              <a:gd name="connsiteX38" fmla="*/ 2150 w 2742240"/>
              <a:gd name="connsiteY38" fmla="*/ 1947954 h 3844096"/>
              <a:gd name="connsiteX39" fmla="*/ 488035 w 2742240"/>
              <a:gd name="connsiteY39" fmla="*/ 2303799 h 3844096"/>
              <a:gd name="connsiteX40" fmla="*/ 134371 w 2742240"/>
              <a:gd name="connsiteY40" fmla="*/ 2562301 h 3844096"/>
              <a:gd name="connsiteX41" fmla="*/ 2150 w 2742240"/>
              <a:gd name="connsiteY41" fmla="*/ 2463876 h 3844096"/>
              <a:gd name="connsiteX42" fmla="*/ 0 w 2742240"/>
              <a:gd name="connsiteY42" fmla="*/ 1371464 h 3844096"/>
              <a:gd name="connsiteX43" fmla="*/ 511684 w 2742240"/>
              <a:gd name="connsiteY43" fmla="*/ 1744614 h 3844096"/>
              <a:gd name="connsiteX44" fmla="*/ 511684 w 2742240"/>
              <a:gd name="connsiteY44" fmla="*/ 2262698 h 3844096"/>
              <a:gd name="connsiteX45" fmla="*/ 0 w 2742240"/>
              <a:gd name="connsiteY45" fmla="*/ 1889548 h 3844096"/>
              <a:gd name="connsiteX46" fmla="*/ 2184332 w 2742240"/>
              <a:gd name="connsiteY46" fmla="*/ 1371463 h 3844096"/>
              <a:gd name="connsiteX47" fmla="*/ 2184332 w 2742240"/>
              <a:gd name="connsiteY47" fmla="*/ 1889548 h 3844096"/>
              <a:gd name="connsiteX48" fmla="*/ 1672648 w 2742240"/>
              <a:gd name="connsiteY48" fmla="*/ 2262698 h 3844096"/>
              <a:gd name="connsiteX49" fmla="*/ 1672648 w 2742240"/>
              <a:gd name="connsiteY49" fmla="*/ 1744614 h 3844096"/>
              <a:gd name="connsiteX50" fmla="*/ 1114740 w 2742240"/>
              <a:gd name="connsiteY50" fmla="*/ 1371463 h 3844096"/>
              <a:gd name="connsiteX51" fmla="*/ 1626424 w 2742240"/>
              <a:gd name="connsiteY51" fmla="*/ 1744614 h 3844096"/>
              <a:gd name="connsiteX52" fmla="*/ 1626424 w 2742240"/>
              <a:gd name="connsiteY52" fmla="*/ 2262698 h 3844096"/>
              <a:gd name="connsiteX53" fmla="*/ 1114740 w 2742240"/>
              <a:gd name="connsiteY53" fmla="*/ 1889548 h 3844096"/>
              <a:gd name="connsiteX54" fmla="*/ 1070667 w 2742240"/>
              <a:gd name="connsiteY54" fmla="*/ 1371463 h 3844096"/>
              <a:gd name="connsiteX55" fmla="*/ 1070667 w 2742240"/>
              <a:gd name="connsiteY55" fmla="*/ 1889548 h 3844096"/>
              <a:gd name="connsiteX56" fmla="*/ 561133 w 2742240"/>
              <a:gd name="connsiteY56" fmla="*/ 2262698 h 3844096"/>
              <a:gd name="connsiteX57" fmla="*/ 561133 w 2742240"/>
              <a:gd name="connsiteY57" fmla="*/ 1744614 h 3844096"/>
              <a:gd name="connsiteX58" fmla="*/ 1672648 w 2742240"/>
              <a:gd name="connsiteY58" fmla="*/ 973436 h 3844096"/>
              <a:gd name="connsiteX59" fmla="*/ 2159608 w 2742240"/>
              <a:gd name="connsiteY59" fmla="*/ 1328200 h 3844096"/>
              <a:gd name="connsiteX60" fmla="*/ 1805944 w 2742240"/>
              <a:gd name="connsiteY60" fmla="*/ 1586700 h 3844096"/>
              <a:gd name="connsiteX61" fmla="*/ 1672648 w 2742240"/>
              <a:gd name="connsiteY61" fmla="*/ 1489357 h 3844096"/>
              <a:gd name="connsiteX62" fmla="*/ 1626425 w 2742240"/>
              <a:gd name="connsiteY62" fmla="*/ 973435 h 3844096"/>
              <a:gd name="connsiteX63" fmla="*/ 1626425 w 2742240"/>
              <a:gd name="connsiteY63" fmla="*/ 1489357 h 3844096"/>
              <a:gd name="connsiteX64" fmla="*/ 1493129 w 2742240"/>
              <a:gd name="connsiteY64" fmla="*/ 1586700 h 3844096"/>
              <a:gd name="connsiteX65" fmla="*/ 1138390 w 2742240"/>
              <a:gd name="connsiteY65" fmla="*/ 1328199 h 3844096"/>
              <a:gd name="connsiteX66" fmla="*/ 561133 w 2742240"/>
              <a:gd name="connsiteY66" fmla="*/ 973435 h 3844096"/>
              <a:gd name="connsiteX67" fmla="*/ 1045943 w 2742240"/>
              <a:gd name="connsiteY67" fmla="*/ 1328199 h 3844096"/>
              <a:gd name="connsiteX68" fmla="*/ 692279 w 2742240"/>
              <a:gd name="connsiteY68" fmla="*/ 1586700 h 3844096"/>
              <a:gd name="connsiteX69" fmla="*/ 561133 w 2742240"/>
              <a:gd name="connsiteY69" fmla="*/ 1489357 h 3844096"/>
              <a:gd name="connsiteX70" fmla="*/ 511684 w 2742240"/>
              <a:gd name="connsiteY70" fmla="*/ 973435 h 3844096"/>
              <a:gd name="connsiteX71" fmla="*/ 511684 w 2742240"/>
              <a:gd name="connsiteY71" fmla="*/ 1489357 h 3844096"/>
              <a:gd name="connsiteX72" fmla="*/ 378388 w 2742240"/>
              <a:gd name="connsiteY72" fmla="*/ 1586700 h 3844096"/>
              <a:gd name="connsiteX73" fmla="*/ 26874 w 2742240"/>
              <a:gd name="connsiteY73" fmla="*/ 1328199 h 3844096"/>
              <a:gd name="connsiteX74" fmla="*/ 2742240 w 2742240"/>
              <a:gd name="connsiteY74" fmla="*/ 398027 h 3844096"/>
              <a:gd name="connsiteX75" fmla="*/ 2742240 w 2742240"/>
              <a:gd name="connsiteY75" fmla="*/ 916111 h 3844096"/>
              <a:gd name="connsiteX76" fmla="*/ 2232706 w 2742240"/>
              <a:gd name="connsiteY76" fmla="*/ 1290344 h 3844096"/>
              <a:gd name="connsiteX77" fmla="*/ 2232706 w 2742240"/>
              <a:gd name="connsiteY77" fmla="*/ 772259 h 3844096"/>
              <a:gd name="connsiteX78" fmla="*/ 1672648 w 2742240"/>
              <a:gd name="connsiteY78" fmla="*/ 398027 h 3844096"/>
              <a:gd name="connsiteX79" fmla="*/ 2184332 w 2742240"/>
              <a:gd name="connsiteY79" fmla="*/ 772259 h 3844096"/>
              <a:gd name="connsiteX80" fmla="*/ 2184332 w 2742240"/>
              <a:gd name="connsiteY80" fmla="*/ 1290344 h 3844096"/>
              <a:gd name="connsiteX81" fmla="*/ 1672648 w 2742240"/>
              <a:gd name="connsiteY81" fmla="*/ 916111 h 3844096"/>
              <a:gd name="connsiteX82" fmla="*/ 1626424 w 2742240"/>
              <a:gd name="connsiteY82" fmla="*/ 398027 h 3844096"/>
              <a:gd name="connsiteX83" fmla="*/ 1626424 w 2742240"/>
              <a:gd name="connsiteY83" fmla="*/ 916111 h 3844096"/>
              <a:gd name="connsiteX84" fmla="*/ 1114740 w 2742240"/>
              <a:gd name="connsiteY84" fmla="*/ 1290344 h 3844096"/>
              <a:gd name="connsiteX85" fmla="*/ 1114740 w 2742240"/>
              <a:gd name="connsiteY85" fmla="*/ 772259 h 3844096"/>
              <a:gd name="connsiteX86" fmla="*/ 556833 w 2742240"/>
              <a:gd name="connsiteY86" fmla="*/ 398027 h 3844096"/>
              <a:gd name="connsiteX87" fmla="*/ 1068517 w 2742240"/>
              <a:gd name="connsiteY87" fmla="*/ 772259 h 3844096"/>
              <a:gd name="connsiteX88" fmla="*/ 1068517 w 2742240"/>
              <a:gd name="connsiteY88" fmla="*/ 1290344 h 3844096"/>
              <a:gd name="connsiteX89" fmla="*/ 556833 w 2742240"/>
              <a:gd name="connsiteY89" fmla="*/ 916111 h 3844096"/>
              <a:gd name="connsiteX90" fmla="*/ 2232706 w 2742240"/>
              <a:gd name="connsiteY90" fmla="*/ 0 h 3844096"/>
              <a:gd name="connsiteX91" fmla="*/ 2717516 w 2742240"/>
              <a:gd name="connsiteY91" fmla="*/ 355845 h 3844096"/>
              <a:gd name="connsiteX92" fmla="*/ 2366002 w 2742240"/>
              <a:gd name="connsiteY92" fmla="*/ 613265 h 3844096"/>
              <a:gd name="connsiteX93" fmla="*/ 2232706 w 2742240"/>
              <a:gd name="connsiteY93" fmla="*/ 515921 h 3844096"/>
              <a:gd name="connsiteX94" fmla="*/ 2184333 w 2742240"/>
              <a:gd name="connsiteY94" fmla="*/ 0 h 3844096"/>
              <a:gd name="connsiteX95" fmla="*/ 2184333 w 2742240"/>
              <a:gd name="connsiteY95" fmla="*/ 515921 h 3844096"/>
              <a:gd name="connsiteX96" fmla="*/ 2051037 w 2742240"/>
              <a:gd name="connsiteY96" fmla="*/ 613265 h 3844096"/>
              <a:gd name="connsiteX97" fmla="*/ 1698448 w 2742240"/>
              <a:gd name="connsiteY97" fmla="*/ 355845 h 3844096"/>
              <a:gd name="connsiteX98" fmla="*/ 1114740 w 2742240"/>
              <a:gd name="connsiteY98" fmla="*/ 0 h 3844096"/>
              <a:gd name="connsiteX99" fmla="*/ 1601700 w 2742240"/>
              <a:gd name="connsiteY99" fmla="*/ 355845 h 3844096"/>
              <a:gd name="connsiteX100" fmla="*/ 1248036 w 2742240"/>
              <a:gd name="connsiteY100" fmla="*/ 613265 h 3844096"/>
              <a:gd name="connsiteX101" fmla="*/ 1114740 w 2742240"/>
              <a:gd name="connsiteY101" fmla="*/ 515921 h 3844096"/>
              <a:gd name="connsiteX102" fmla="*/ 1068517 w 2742240"/>
              <a:gd name="connsiteY102" fmla="*/ 0 h 3844096"/>
              <a:gd name="connsiteX103" fmla="*/ 1068517 w 2742240"/>
              <a:gd name="connsiteY103" fmla="*/ 515921 h 3844096"/>
              <a:gd name="connsiteX104" fmla="*/ 934146 w 2742240"/>
              <a:gd name="connsiteY104" fmla="*/ 613265 h 3844096"/>
              <a:gd name="connsiteX105" fmla="*/ 580482 w 2742240"/>
              <a:gd name="connsiteY105" fmla="*/ 355845 h 38440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</a:cxnLst>
            <a:rect l="l" t="t" r="r" b="b"/>
            <a:pathLst>
              <a:path w="2742240" h="3844096">
                <a:moveTo>
                  <a:pt x="1070667" y="3317254"/>
                </a:moveTo>
                <a:lnTo>
                  <a:pt x="1070667" y="3833176"/>
                </a:lnTo>
                <a:lnTo>
                  <a:pt x="1055799" y="3844096"/>
                </a:lnTo>
                <a:lnTo>
                  <a:pt x="561133" y="3844096"/>
                </a:lnTo>
                <a:lnTo>
                  <a:pt x="561133" y="3691487"/>
                </a:lnTo>
                <a:close/>
                <a:moveTo>
                  <a:pt x="0" y="3317254"/>
                </a:moveTo>
                <a:lnTo>
                  <a:pt x="511684" y="3691487"/>
                </a:lnTo>
                <a:lnTo>
                  <a:pt x="511684" y="3844096"/>
                </a:lnTo>
                <a:lnTo>
                  <a:pt x="14931" y="3844096"/>
                </a:lnTo>
                <a:lnTo>
                  <a:pt x="0" y="3833176"/>
                </a:lnTo>
                <a:close/>
                <a:moveTo>
                  <a:pt x="561133" y="2917064"/>
                </a:moveTo>
                <a:lnTo>
                  <a:pt x="1045943" y="3275072"/>
                </a:lnTo>
                <a:lnTo>
                  <a:pt x="692279" y="3532492"/>
                </a:lnTo>
                <a:lnTo>
                  <a:pt x="561133" y="3435149"/>
                </a:lnTo>
                <a:close/>
                <a:moveTo>
                  <a:pt x="511684" y="2917064"/>
                </a:moveTo>
                <a:lnTo>
                  <a:pt x="511684" y="3435149"/>
                </a:lnTo>
                <a:lnTo>
                  <a:pt x="378388" y="3532492"/>
                </a:lnTo>
                <a:lnTo>
                  <a:pt x="26874" y="3275072"/>
                </a:lnTo>
                <a:close/>
                <a:moveTo>
                  <a:pt x="1626424" y="2345981"/>
                </a:moveTo>
                <a:lnTo>
                  <a:pt x="1626424" y="2864066"/>
                </a:lnTo>
                <a:lnTo>
                  <a:pt x="1114740" y="3238298"/>
                </a:lnTo>
                <a:lnTo>
                  <a:pt x="1114740" y="2720213"/>
                </a:lnTo>
                <a:close/>
                <a:moveTo>
                  <a:pt x="556833" y="2345981"/>
                </a:moveTo>
                <a:lnTo>
                  <a:pt x="1068517" y="2720213"/>
                </a:lnTo>
                <a:lnTo>
                  <a:pt x="1068517" y="3238298"/>
                </a:lnTo>
                <a:lnTo>
                  <a:pt x="556833" y="2864066"/>
                </a:lnTo>
                <a:close/>
                <a:moveTo>
                  <a:pt x="511684" y="2345981"/>
                </a:moveTo>
                <a:lnTo>
                  <a:pt x="511684" y="2864066"/>
                </a:lnTo>
                <a:lnTo>
                  <a:pt x="2150" y="3238298"/>
                </a:lnTo>
                <a:lnTo>
                  <a:pt x="2150" y="2720213"/>
                </a:lnTo>
                <a:close/>
                <a:moveTo>
                  <a:pt x="1114740" y="1947954"/>
                </a:moveTo>
                <a:lnTo>
                  <a:pt x="1601700" y="2303799"/>
                </a:lnTo>
                <a:lnTo>
                  <a:pt x="1248036" y="2562301"/>
                </a:lnTo>
                <a:lnTo>
                  <a:pt x="1114740" y="2463876"/>
                </a:lnTo>
                <a:close/>
                <a:moveTo>
                  <a:pt x="1068517" y="1947954"/>
                </a:moveTo>
                <a:lnTo>
                  <a:pt x="1068517" y="2463876"/>
                </a:lnTo>
                <a:lnTo>
                  <a:pt x="934146" y="2562301"/>
                </a:lnTo>
                <a:lnTo>
                  <a:pt x="580482" y="2303799"/>
                </a:lnTo>
                <a:close/>
                <a:moveTo>
                  <a:pt x="2150" y="1947954"/>
                </a:moveTo>
                <a:lnTo>
                  <a:pt x="488035" y="2303799"/>
                </a:lnTo>
                <a:lnTo>
                  <a:pt x="134371" y="2562301"/>
                </a:lnTo>
                <a:lnTo>
                  <a:pt x="2150" y="2463876"/>
                </a:lnTo>
                <a:close/>
                <a:moveTo>
                  <a:pt x="0" y="1371464"/>
                </a:moveTo>
                <a:lnTo>
                  <a:pt x="511684" y="1744614"/>
                </a:lnTo>
                <a:lnTo>
                  <a:pt x="511684" y="2262698"/>
                </a:lnTo>
                <a:lnTo>
                  <a:pt x="0" y="1889548"/>
                </a:lnTo>
                <a:close/>
                <a:moveTo>
                  <a:pt x="2184332" y="1371463"/>
                </a:moveTo>
                <a:lnTo>
                  <a:pt x="2184332" y="1889548"/>
                </a:lnTo>
                <a:lnTo>
                  <a:pt x="1672648" y="2262698"/>
                </a:lnTo>
                <a:lnTo>
                  <a:pt x="1672648" y="1744614"/>
                </a:lnTo>
                <a:close/>
                <a:moveTo>
                  <a:pt x="1114740" y="1371463"/>
                </a:moveTo>
                <a:lnTo>
                  <a:pt x="1626424" y="1744614"/>
                </a:lnTo>
                <a:lnTo>
                  <a:pt x="1626424" y="2262698"/>
                </a:lnTo>
                <a:lnTo>
                  <a:pt x="1114740" y="1889548"/>
                </a:lnTo>
                <a:close/>
                <a:moveTo>
                  <a:pt x="1070667" y="1371463"/>
                </a:moveTo>
                <a:lnTo>
                  <a:pt x="1070667" y="1889548"/>
                </a:lnTo>
                <a:lnTo>
                  <a:pt x="561133" y="2262698"/>
                </a:lnTo>
                <a:lnTo>
                  <a:pt x="561133" y="1744614"/>
                </a:lnTo>
                <a:close/>
                <a:moveTo>
                  <a:pt x="1672648" y="973436"/>
                </a:moveTo>
                <a:lnTo>
                  <a:pt x="2159608" y="1328200"/>
                </a:lnTo>
                <a:lnTo>
                  <a:pt x="1805944" y="1586700"/>
                </a:lnTo>
                <a:lnTo>
                  <a:pt x="1672648" y="1489357"/>
                </a:lnTo>
                <a:close/>
                <a:moveTo>
                  <a:pt x="1626425" y="973435"/>
                </a:moveTo>
                <a:lnTo>
                  <a:pt x="1626425" y="1489357"/>
                </a:lnTo>
                <a:lnTo>
                  <a:pt x="1493129" y="1586700"/>
                </a:lnTo>
                <a:lnTo>
                  <a:pt x="1138390" y="1328199"/>
                </a:lnTo>
                <a:close/>
                <a:moveTo>
                  <a:pt x="561133" y="973435"/>
                </a:moveTo>
                <a:lnTo>
                  <a:pt x="1045943" y="1328199"/>
                </a:lnTo>
                <a:lnTo>
                  <a:pt x="692279" y="1586700"/>
                </a:lnTo>
                <a:lnTo>
                  <a:pt x="561133" y="1489357"/>
                </a:lnTo>
                <a:close/>
                <a:moveTo>
                  <a:pt x="511684" y="973435"/>
                </a:moveTo>
                <a:lnTo>
                  <a:pt x="511684" y="1489357"/>
                </a:lnTo>
                <a:lnTo>
                  <a:pt x="378388" y="1586700"/>
                </a:lnTo>
                <a:lnTo>
                  <a:pt x="26874" y="1328199"/>
                </a:lnTo>
                <a:close/>
                <a:moveTo>
                  <a:pt x="2742240" y="398027"/>
                </a:moveTo>
                <a:lnTo>
                  <a:pt x="2742240" y="916111"/>
                </a:lnTo>
                <a:lnTo>
                  <a:pt x="2232706" y="1290344"/>
                </a:lnTo>
                <a:lnTo>
                  <a:pt x="2232706" y="772259"/>
                </a:lnTo>
                <a:close/>
                <a:moveTo>
                  <a:pt x="1672648" y="398027"/>
                </a:moveTo>
                <a:lnTo>
                  <a:pt x="2184332" y="772259"/>
                </a:lnTo>
                <a:lnTo>
                  <a:pt x="2184332" y="1290344"/>
                </a:lnTo>
                <a:lnTo>
                  <a:pt x="1672648" y="916111"/>
                </a:lnTo>
                <a:close/>
                <a:moveTo>
                  <a:pt x="1626424" y="398027"/>
                </a:moveTo>
                <a:lnTo>
                  <a:pt x="1626424" y="916111"/>
                </a:lnTo>
                <a:lnTo>
                  <a:pt x="1114740" y="1290344"/>
                </a:lnTo>
                <a:lnTo>
                  <a:pt x="1114740" y="772259"/>
                </a:lnTo>
                <a:close/>
                <a:moveTo>
                  <a:pt x="556833" y="398027"/>
                </a:moveTo>
                <a:lnTo>
                  <a:pt x="1068517" y="772259"/>
                </a:lnTo>
                <a:lnTo>
                  <a:pt x="1068517" y="1290344"/>
                </a:lnTo>
                <a:lnTo>
                  <a:pt x="556833" y="916111"/>
                </a:lnTo>
                <a:close/>
                <a:moveTo>
                  <a:pt x="2232706" y="0"/>
                </a:moveTo>
                <a:lnTo>
                  <a:pt x="2717516" y="355845"/>
                </a:lnTo>
                <a:lnTo>
                  <a:pt x="2366002" y="613265"/>
                </a:lnTo>
                <a:lnTo>
                  <a:pt x="2232706" y="515921"/>
                </a:lnTo>
                <a:close/>
                <a:moveTo>
                  <a:pt x="2184333" y="0"/>
                </a:moveTo>
                <a:lnTo>
                  <a:pt x="2184333" y="515921"/>
                </a:lnTo>
                <a:lnTo>
                  <a:pt x="2051037" y="613265"/>
                </a:lnTo>
                <a:lnTo>
                  <a:pt x="1698448" y="355845"/>
                </a:lnTo>
                <a:close/>
                <a:moveTo>
                  <a:pt x="1114740" y="0"/>
                </a:moveTo>
                <a:lnTo>
                  <a:pt x="1601700" y="355845"/>
                </a:lnTo>
                <a:lnTo>
                  <a:pt x="1248036" y="613265"/>
                </a:lnTo>
                <a:lnTo>
                  <a:pt x="1114740" y="515921"/>
                </a:lnTo>
                <a:close/>
                <a:moveTo>
                  <a:pt x="1068517" y="0"/>
                </a:moveTo>
                <a:lnTo>
                  <a:pt x="1068517" y="515921"/>
                </a:lnTo>
                <a:lnTo>
                  <a:pt x="934146" y="613265"/>
                </a:lnTo>
                <a:lnTo>
                  <a:pt x="580482" y="35584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marL="0" marR="0" indent="0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on the centre icon to insert picture</a:t>
            </a:r>
            <a:br>
              <a:rPr lang="en-GB" dirty="0"/>
            </a:br>
            <a:r>
              <a:rPr lang="en-GB" dirty="0"/>
              <a:t>Use the crop tool to reposition your image</a:t>
            </a:r>
          </a:p>
          <a:p>
            <a:endParaRPr lang="en-GB" dirty="0"/>
          </a:p>
        </p:txBody>
      </p:sp>
      <p:cxnSp>
        <p:nvCxnSpPr>
          <p:cNvPr id="7" name="Straight Connector 6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865543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ght Hand Cube Picture Mas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381002" y="1196974"/>
            <a:ext cx="4114799" cy="4824415"/>
          </a:xfrm>
        </p:spPr>
        <p:txBody>
          <a:bodyPr/>
          <a:lstStyle>
            <a:lvl1pPr marL="228594" indent="-228594" algn="l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AE42ACCF-8CAF-4376-9D2C-B01FE328CA02}" type="slidenum">
              <a:rPr lang="en-GB" smtClean="0"/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5422620" y="590768"/>
            <a:ext cx="3660509" cy="5581432"/>
          </a:xfrm>
          <a:custGeom>
            <a:avLst/>
            <a:gdLst>
              <a:gd name="connsiteX0" fmla="*/ 2745382 w 2745382"/>
              <a:gd name="connsiteY0" fmla="*/ 3298116 h 4186074"/>
              <a:gd name="connsiteX1" fmla="*/ 2745382 w 2745382"/>
              <a:gd name="connsiteY1" fmla="*/ 3812766 h 4186074"/>
              <a:gd name="connsiteX2" fmla="*/ 2235664 w 2745382"/>
              <a:gd name="connsiteY2" fmla="*/ 4186074 h 4186074"/>
              <a:gd name="connsiteX3" fmla="*/ 2235664 w 2745382"/>
              <a:gd name="connsiteY3" fmla="*/ 3671425 h 4186074"/>
              <a:gd name="connsiteX4" fmla="*/ 1674329 w 2745382"/>
              <a:gd name="connsiteY4" fmla="*/ 3298115 h 4186074"/>
              <a:gd name="connsiteX5" fmla="*/ 2186198 w 2745382"/>
              <a:gd name="connsiteY5" fmla="*/ 3671425 h 4186074"/>
              <a:gd name="connsiteX6" fmla="*/ 2186198 w 2745382"/>
              <a:gd name="connsiteY6" fmla="*/ 4186074 h 4186074"/>
              <a:gd name="connsiteX7" fmla="*/ 1674329 w 2745382"/>
              <a:gd name="connsiteY7" fmla="*/ 3812765 h 4186074"/>
              <a:gd name="connsiteX8" fmla="*/ 2235664 w 2745382"/>
              <a:gd name="connsiteY8" fmla="*/ 2900235 h 4186074"/>
              <a:gd name="connsiteX9" fmla="*/ 2720650 w 2745382"/>
              <a:gd name="connsiteY9" fmla="*/ 3257361 h 4186074"/>
              <a:gd name="connsiteX10" fmla="*/ 2366858 w 2745382"/>
              <a:gd name="connsiteY10" fmla="*/ 3514146 h 4186074"/>
              <a:gd name="connsiteX11" fmla="*/ 2235664 w 2745382"/>
              <a:gd name="connsiteY11" fmla="*/ 3417042 h 4186074"/>
              <a:gd name="connsiteX12" fmla="*/ 2186198 w 2745382"/>
              <a:gd name="connsiteY12" fmla="*/ 2900235 h 4186074"/>
              <a:gd name="connsiteX13" fmla="*/ 2186198 w 2745382"/>
              <a:gd name="connsiteY13" fmla="*/ 3417042 h 4186074"/>
              <a:gd name="connsiteX14" fmla="*/ 2052854 w 2745382"/>
              <a:gd name="connsiteY14" fmla="*/ 3514146 h 4186074"/>
              <a:gd name="connsiteX15" fmla="*/ 1701212 w 2745382"/>
              <a:gd name="connsiteY15" fmla="*/ 3257361 h 4186074"/>
              <a:gd name="connsiteX16" fmla="*/ 2231363 w 2745382"/>
              <a:gd name="connsiteY16" fmla="*/ 2332446 h 4186074"/>
              <a:gd name="connsiteX17" fmla="*/ 2743232 w 2745382"/>
              <a:gd name="connsiteY17" fmla="*/ 2705756 h 4186074"/>
              <a:gd name="connsiteX18" fmla="*/ 2743232 w 2745382"/>
              <a:gd name="connsiteY18" fmla="*/ 3222563 h 4186074"/>
              <a:gd name="connsiteX19" fmla="*/ 2231363 w 2745382"/>
              <a:gd name="connsiteY19" fmla="*/ 2849253 h 4186074"/>
              <a:gd name="connsiteX20" fmla="*/ 2186199 w 2745382"/>
              <a:gd name="connsiteY20" fmla="*/ 2332446 h 4186074"/>
              <a:gd name="connsiteX21" fmla="*/ 2186199 w 2745382"/>
              <a:gd name="connsiteY21" fmla="*/ 2849253 h 4186074"/>
              <a:gd name="connsiteX22" fmla="*/ 1676480 w 2745382"/>
              <a:gd name="connsiteY22" fmla="*/ 3222563 h 4186074"/>
              <a:gd name="connsiteX23" fmla="*/ 1676480 w 2745382"/>
              <a:gd name="connsiteY23" fmla="*/ 2705756 h 4186074"/>
              <a:gd name="connsiteX24" fmla="*/ 1116219 w 2745382"/>
              <a:gd name="connsiteY24" fmla="*/ 2332446 h 4186074"/>
              <a:gd name="connsiteX25" fmla="*/ 1628088 w 2745382"/>
              <a:gd name="connsiteY25" fmla="*/ 2705756 h 4186074"/>
              <a:gd name="connsiteX26" fmla="*/ 1628088 w 2745382"/>
              <a:gd name="connsiteY26" fmla="*/ 3222563 h 4186074"/>
              <a:gd name="connsiteX27" fmla="*/ 1116219 w 2745382"/>
              <a:gd name="connsiteY27" fmla="*/ 2849253 h 4186074"/>
              <a:gd name="connsiteX28" fmla="*/ 1069979 w 2745382"/>
              <a:gd name="connsiteY28" fmla="*/ 2332446 h 4186074"/>
              <a:gd name="connsiteX29" fmla="*/ 1069979 w 2745382"/>
              <a:gd name="connsiteY29" fmla="*/ 2849253 h 4186074"/>
              <a:gd name="connsiteX30" fmla="*/ 558110 w 2745382"/>
              <a:gd name="connsiteY30" fmla="*/ 3222563 h 4186074"/>
              <a:gd name="connsiteX31" fmla="*/ 558110 w 2745382"/>
              <a:gd name="connsiteY31" fmla="*/ 2705756 h 4186074"/>
              <a:gd name="connsiteX32" fmla="*/ 0 w 2745382"/>
              <a:gd name="connsiteY32" fmla="*/ 2332446 h 4186074"/>
              <a:gd name="connsiteX33" fmla="*/ 511869 w 2745382"/>
              <a:gd name="connsiteY33" fmla="*/ 2705756 h 4186074"/>
              <a:gd name="connsiteX34" fmla="*/ 511869 w 2745382"/>
              <a:gd name="connsiteY34" fmla="*/ 3222563 h 4186074"/>
              <a:gd name="connsiteX35" fmla="*/ 0 w 2745382"/>
              <a:gd name="connsiteY35" fmla="*/ 2849253 h 4186074"/>
              <a:gd name="connsiteX36" fmla="*/ 2743232 w 2745382"/>
              <a:gd name="connsiteY36" fmla="*/ 1936715 h 4186074"/>
              <a:gd name="connsiteX37" fmla="*/ 2743232 w 2745382"/>
              <a:gd name="connsiteY37" fmla="*/ 2451365 h 4186074"/>
              <a:gd name="connsiteX38" fmla="*/ 2608813 w 2745382"/>
              <a:gd name="connsiteY38" fmla="*/ 2549547 h 4186074"/>
              <a:gd name="connsiteX39" fmla="*/ 2255021 w 2745382"/>
              <a:gd name="connsiteY39" fmla="*/ 2291683 h 4186074"/>
              <a:gd name="connsiteX40" fmla="*/ 1676480 w 2745382"/>
              <a:gd name="connsiteY40" fmla="*/ 1936715 h 4186074"/>
              <a:gd name="connsiteX41" fmla="*/ 2162541 w 2745382"/>
              <a:gd name="connsiteY41" fmla="*/ 2291683 h 4186074"/>
              <a:gd name="connsiteX42" fmla="*/ 1808749 w 2745382"/>
              <a:gd name="connsiteY42" fmla="*/ 2549547 h 4186074"/>
              <a:gd name="connsiteX43" fmla="*/ 1676480 w 2745382"/>
              <a:gd name="connsiteY43" fmla="*/ 2451365 h 4186074"/>
              <a:gd name="connsiteX44" fmla="*/ 1628089 w 2745382"/>
              <a:gd name="connsiteY44" fmla="*/ 1936715 h 4186074"/>
              <a:gd name="connsiteX45" fmla="*/ 1628089 w 2745382"/>
              <a:gd name="connsiteY45" fmla="*/ 2451365 h 4186074"/>
              <a:gd name="connsiteX46" fmla="*/ 1494745 w 2745382"/>
              <a:gd name="connsiteY46" fmla="*/ 2549547 h 4186074"/>
              <a:gd name="connsiteX47" fmla="*/ 1143103 w 2745382"/>
              <a:gd name="connsiteY47" fmla="*/ 2291683 h 4186074"/>
              <a:gd name="connsiteX48" fmla="*/ 558110 w 2745382"/>
              <a:gd name="connsiteY48" fmla="*/ 1936715 h 4186074"/>
              <a:gd name="connsiteX49" fmla="*/ 1046321 w 2745382"/>
              <a:gd name="connsiteY49" fmla="*/ 2291683 h 4186074"/>
              <a:gd name="connsiteX50" fmla="*/ 691454 w 2745382"/>
              <a:gd name="connsiteY50" fmla="*/ 2549547 h 4186074"/>
              <a:gd name="connsiteX51" fmla="*/ 558110 w 2745382"/>
              <a:gd name="connsiteY51" fmla="*/ 2451365 h 4186074"/>
              <a:gd name="connsiteX52" fmla="*/ 511870 w 2745382"/>
              <a:gd name="connsiteY52" fmla="*/ 1936715 h 4186074"/>
              <a:gd name="connsiteX53" fmla="*/ 511870 w 2745382"/>
              <a:gd name="connsiteY53" fmla="*/ 2451365 h 4186074"/>
              <a:gd name="connsiteX54" fmla="*/ 378526 w 2745382"/>
              <a:gd name="connsiteY54" fmla="*/ 2549547 h 4186074"/>
              <a:gd name="connsiteX55" fmla="*/ 24734 w 2745382"/>
              <a:gd name="connsiteY55" fmla="*/ 2291683 h 4186074"/>
              <a:gd name="connsiteX56" fmla="*/ 2745382 w 2745382"/>
              <a:gd name="connsiteY56" fmla="*/ 1363552 h 4186074"/>
              <a:gd name="connsiteX57" fmla="*/ 2745382 w 2745382"/>
              <a:gd name="connsiteY57" fmla="*/ 1880359 h 4186074"/>
              <a:gd name="connsiteX58" fmla="*/ 2235664 w 2745382"/>
              <a:gd name="connsiteY58" fmla="*/ 2252589 h 4186074"/>
              <a:gd name="connsiteX59" fmla="*/ 2235664 w 2745382"/>
              <a:gd name="connsiteY59" fmla="*/ 1735782 h 4186074"/>
              <a:gd name="connsiteX60" fmla="*/ 1674329 w 2745382"/>
              <a:gd name="connsiteY60" fmla="*/ 1363551 h 4186074"/>
              <a:gd name="connsiteX61" fmla="*/ 2186198 w 2745382"/>
              <a:gd name="connsiteY61" fmla="*/ 1735782 h 4186074"/>
              <a:gd name="connsiteX62" fmla="*/ 2186198 w 2745382"/>
              <a:gd name="connsiteY62" fmla="*/ 2252589 h 4186074"/>
              <a:gd name="connsiteX63" fmla="*/ 1674329 w 2745382"/>
              <a:gd name="connsiteY63" fmla="*/ 1880358 h 4186074"/>
              <a:gd name="connsiteX64" fmla="*/ 1628088 w 2745382"/>
              <a:gd name="connsiteY64" fmla="*/ 1363551 h 4186074"/>
              <a:gd name="connsiteX65" fmla="*/ 1628088 w 2745382"/>
              <a:gd name="connsiteY65" fmla="*/ 1880358 h 4186074"/>
              <a:gd name="connsiteX66" fmla="*/ 1116219 w 2745382"/>
              <a:gd name="connsiteY66" fmla="*/ 2252589 h 4186074"/>
              <a:gd name="connsiteX67" fmla="*/ 1116219 w 2745382"/>
              <a:gd name="connsiteY67" fmla="*/ 1735782 h 4186074"/>
              <a:gd name="connsiteX68" fmla="*/ 558110 w 2745382"/>
              <a:gd name="connsiteY68" fmla="*/ 1363551 h 4186074"/>
              <a:gd name="connsiteX69" fmla="*/ 1069979 w 2745382"/>
              <a:gd name="connsiteY69" fmla="*/ 1735782 h 4186074"/>
              <a:gd name="connsiteX70" fmla="*/ 1069979 w 2745382"/>
              <a:gd name="connsiteY70" fmla="*/ 2252589 h 4186074"/>
              <a:gd name="connsiteX71" fmla="*/ 558110 w 2745382"/>
              <a:gd name="connsiteY71" fmla="*/ 1880358 h 4186074"/>
              <a:gd name="connsiteX72" fmla="*/ 2235664 w 2745382"/>
              <a:gd name="connsiteY72" fmla="*/ 967819 h 4186074"/>
              <a:gd name="connsiteX73" fmla="*/ 2720650 w 2745382"/>
              <a:gd name="connsiteY73" fmla="*/ 1321708 h 4186074"/>
              <a:gd name="connsiteX74" fmla="*/ 2366858 w 2745382"/>
              <a:gd name="connsiteY74" fmla="*/ 1579572 h 4186074"/>
              <a:gd name="connsiteX75" fmla="*/ 2235664 w 2745382"/>
              <a:gd name="connsiteY75" fmla="*/ 1482468 h 4186074"/>
              <a:gd name="connsiteX76" fmla="*/ 2186198 w 2745382"/>
              <a:gd name="connsiteY76" fmla="*/ 967819 h 4186074"/>
              <a:gd name="connsiteX77" fmla="*/ 2186198 w 2745382"/>
              <a:gd name="connsiteY77" fmla="*/ 1482469 h 4186074"/>
              <a:gd name="connsiteX78" fmla="*/ 2052854 w 2745382"/>
              <a:gd name="connsiteY78" fmla="*/ 1579572 h 4186074"/>
              <a:gd name="connsiteX79" fmla="*/ 1701212 w 2745382"/>
              <a:gd name="connsiteY79" fmla="*/ 1321708 h 4186074"/>
              <a:gd name="connsiteX80" fmla="*/ 1116219 w 2745382"/>
              <a:gd name="connsiteY80" fmla="*/ 967819 h 4186074"/>
              <a:gd name="connsiteX81" fmla="*/ 1604430 w 2745382"/>
              <a:gd name="connsiteY81" fmla="*/ 1321708 h 4186074"/>
              <a:gd name="connsiteX82" fmla="*/ 1249563 w 2745382"/>
              <a:gd name="connsiteY82" fmla="*/ 1579572 h 4186074"/>
              <a:gd name="connsiteX83" fmla="*/ 1116219 w 2745382"/>
              <a:gd name="connsiteY83" fmla="*/ 1482469 h 4186074"/>
              <a:gd name="connsiteX84" fmla="*/ 1069979 w 2745382"/>
              <a:gd name="connsiteY84" fmla="*/ 967819 h 4186074"/>
              <a:gd name="connsiteX85" fmla="*/ 1069979 w 2745382"/>
              <a:gd name="connsiteY85" fmla="*/ 1482469 h 4186074"/>
              <a:gd name="connsiteX86" fmla="*/ 936635 w 2745382"/>
              <a:gd name="connsiteY86" fmla="*/ 1579572 h 4186074"/>
              <a:gd name="connsiteX87" fmla="*/ 582843 w 2745382"/>
              <a:gd name="connsiteY87" fmla="*/ 1321708 h 4186074"/>
              <a:gd name="connsiteX88" fmla="*/ 2231363 w 2745382"/>
              <a:gd name="connsiteY88" fmla="*/ 395731 h 4186074"/>
              <a:gd name="connsiteX89" fmla="*/ 2743232 w 2745382"/>
              <a:gd name="connsiteY89" fmla="*/ 769041 h 4186074"/>
              <a:gd name="connsiteX90" fmla="*/ 2743232 w 2745382"/>
              <a:gd name="connsiteY90" fmla="*/ 1285848 h 4186074"/>
              <a:gd name="connsiteX91" fmla="*/ 2231363 w 2745382"/>
              <a:gd name="connsiteY91" fmla="*/ 912538 h 4186074"/>
              <a:gd name="connsiteX92" fmla="*/ 2743232 w 2745382"/>
              <a:gd name="connsiteY92" fmla="*/ 0 h 4186074"/>
              <a:gd name="connsiteX93" fmla="*/ 2743232 w 2745382"/>
              <a:gd name="connsiteY93" fmla="*/ 514649 h 4186074"/>
              <a:gd name="connsiteX94" fmla="*/ 2608813 w 2745382"/>
              <a:gd name="connsiteY94" fmla="*/ 611753 h 4186074"/>
              <a:gd name="connsiteX95" fmla="*/ 2255021 w 2745382"/>
              <a:gd name="connsiteY95" fmla="*/ 354968 h 41860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</a:cxnLst>
            <a:rect l="l" t="t" r="r" b="b"/>
            <a:pathLst>
              <a:path w="2745382" h="4186074">
                <a:moveTo>
                  <a:pt x="2745382" y="3298116"/>
                </a:moveTo>
                <a:lnTo>
                  <a:pt x="2745382" y="3812766"/>
                </a:lnTo>
                <a:lnTo>
                  <a:pt x="2235664" y="4186074"/>
                </a:lnTo>
                <a:lnTo>
                  <a:pt x="2235664" y="3671425"/>
                </a:lnTo>
                <a:close/>
                <a:moveTo>
                  <a:pt x="1674329" y="3298115"/>
                </a:moveTo>
                <a:lnTo>
                  <a:pt x="2186198" y="3671425"/>
                </a:lnTo>
                <a:lnTo>
                  <a:pt x="2186198" y="4186074"/>
                </a:lnTo>
                <a:lnTo>
                  <a:pt x="1674329" y="3812765"/>
                </a:lnTo>
                <a:close/>
                <a:moveTo>
                  <a:pt x="2235664" y="2900235"/>
                </a:moveTo>
                <a:lnTo>
                  <a:pt x="2720650" y="3257361"/>
                </a:lnTo>
                <a:lnTo>
                  <a:pt x="2366858" y="3514146"/>
                </a:lnTo>
                <a:lnTo>
                  <a:pt x="2235664" y="3417042"/>
                </a:lnTo>
                <a:close/>
                <a:moveTo>
                  <a:pt x="2186198" y="2900235"/>
                </a:moveTo>
                <a:lnTo>
                  <a:pt x="2186198" y="3417042"/>
                </a:lnTo>
                <a:lnTo>
                  <a:pt x="2052854" y="3514146"/>
                </a:lnTo>
                <a:lnTo>
                  <a:pt x="1701212" y="3257361"/>
                </a:lnTo>
                <a:close/>
                <a:moveTo>
                  <a:pt x="2231363" y="2332446"/>
                </a:moveTo>
                <a:lnTo>
                  <a:pt x="2743232" y="2705756"/>
                </a:lnTo>
                <a:lnTo>
                  <a:pt x="2743232" y="3222563"/>
                </a:lnTo>
                <a:lnTo>
                  <a:pt x="2231363" y="2849253"/>
                </a:lnTo>
                <a:close/>
                <a:moveTo>
                  <a:pt x="2186199" y="2332446"/>
                </a:moveTo>
                <a:lnTo>
                  <a:pt x="2186199" y="2849253"/>
                </a:lnTo>
                <a:lnTo>
                  <a:pt x="1676480" y="3222563"/>
                </a:lnTo>
                <a:lnTo>
                  <a:pt x="1676480" y="2705756"/>
                </a:lnTo>
                <a:close/>
                <a:moveTo>
                  <a:pt x="1116219" y="2332446"/>
                </a:moveTo>
                <a:lnTo>
                  <a:pt x="1628088" y="2705756"/>
                </a:lnTo>
                <a:lnTo>
                  <a:pt x="1628088" y="3222563"/>
                </a:lnTo>
                <a:lnTo>
                  <a:pt x="1116219" y="2849253"/>
                </a:lnTo>
                <a:close/>
                <a:moveTo>
                  <a:pt x="1069979" y="2332446"/>
                </a:moveTo>
                <a:lnTo>
                  <a:pt x="1069979" y="2849253"/>
                </a:lnTo>
                <a:lnTo>
                  <a:pt x="558110" y="3222563"/>
                </a:lnTo>
                <a:lnTo>
                  <a:pt x="558110" y="2705756"/>
                </a:lnTo>
                <a:close/>
                <a:moveTo>
                  <a:pt x="0" y="2332446"/>
                </a:moveTo>
                <a:lnTo>
                  <a:pt x="511869" y="2705756"/>
                </a:lnTo>
                <a:lnTo>
                  <a:pt x="511869" y="3222563"/>
                </a:lnTo>
                <a:lnTo>
                  <a:pt x="0" y="2849253"/>
                </a:lnTo>
                <a:close/>
                <a:moveTo>
                  <a:pt x="2743232" y="1936715"/>
                </a:moveTo>
                <a:lnTo>
                  <a:pt x="2743232" y="2451365"/>
                </a:lnTo>
                <a:lnTo>
                  <a:pt x="2608813" y="2549547"/>
                </a:lnTo>
                <a:lnTo>
                  <a:pt x="2255021" y="2291683"/>
                </a:lnTo>
                <a:close/>
                <a:moveTo>
                  <a:pt x="1676480" y="1936715"/>
                </a:moveTo>
                <a:lnTo>
                  <a:pt x="2162541" y="2291683"/>
                </a:lnTo>
                <a:lnTo>
                  <a:pt x="1808749" y="2549547"/>
                </a:lnTo>
                <a:lnTo>
                  <a:pt x="1676480" y="2451365"/>
                </a:lnTo>
                <a:close/>
                <a:moveTo>
                  <a:pt x="1628089" y="1936715"/>
                </a:moveTo>
                <a:lnTo>
                  <a:pt x="1628089" y="2451365"/>
                </a:lnTo>
                <a:lnTo>
                  <a:pt x="1494745" y="2549547"/>
                </a:lnTo>
                <a:lnTo>
                  <a:pt x="1143103" y="2291683"/>
                </a:lnTo>
                <a:close/>
                <a:moveTo>
                  <a:pt x="558110" y="1936715"/>
                </a:moveTo>
                <a:lnTo>
                  <a:pt x="1046321" y="2291683"/>
                </a:lnTo>
                <a:lnTo>
                  <a:pt x="691454" y="2549547"/>
                </a:lnTo>
                <a:lnTo>
                  <a:pt x="558110" y="2451365"/>
                </a:lnTo>
                <a:close/>
                <a:moveTo>
                  <a:pt x="511870" y="1936715"/>
                </a:moveTo>
                <a:lnTo>
                  <a:pt x="511870" y="2451365"/>
                </a:lnTo>
                <a:lnTo>
                  <a:pt x="378526" y="2549547"/>
                </a:lnTo>
                <a:lnTo>
                  <a:pt x="24734" y="2291683"/>
                </a:lnTo>
                <a:close/>
                <a:moveTo>
                  <a:pt x="2745382" y="1363552"/>
                </a:moveTo>
                <a:lnTo>
                  <a:pt x="2745382" y="1880359"/>
                </a:lnTo>
                <a:lnTo>
                  <a:pt x="2235664" y="2252589"/>
                </a:lnTo>
                <a:lnTo>
                  <a:pt x="2235664" y="1735782"/>
                </a:lnTo>
                <a:close/>
                <a:moveTo>
                  <a:pt x="1674329" y="1363551"/>
                </a:moveTo>
                <a:lnTo>
                  <a:pt x="2186198" y="1735782"/>
                </a:lnTo>
                <a:lnTo>
                  <a:pt x="2186198" y="2252589"/>
                </a:lnTo>
                <a:lnTo>
                  <a:pt x="1674329" y="1880358"/>
                </a:lnTo>
                <a:close/>
                <a:moveTo>
                  <a:pt x="1628088" y="1363551"/>
                </a:moveTo>
                <a:lnTo>
                  <a:pt x="1628088" y="1880358"/>
                </a:lnTo>
                <a:lnTo>
                  <a:pt x="1116219" y="2252589"/>
                </a:lnTo>
                <a:lnTo>
                  <a:pt x="1116219" y="1735782"/>
                </a:lnTo>
                <a:close/>
                <a:moveTo>
                  <a:pt x="558110" y="1363551"/>
                </a:moveTo>
                <a:lnTo>
                  <a:pt x="1069979" y="1735782"/>
                </a:lnTo>
                <a:lnTo>
                  <a:pt x="1069979" y="2252589"/>
                </a:lnTo>
                <a:lnTo>
                  <a:pt x="558110" y="1880358"/>
                </a:lnTo>
                <a:close/>
                <a:moveTo>
                  <a:pt x="2235664" y="967819"/>
                </a:moveTo>
                <a:lnTo>
                  <a:pt x="2720650" y="1321708"/>
                </a:lnTo>
                <a:lnTo>
                  <a:pt x="2366858" y="1579572"/>
                </a:lnTo>
                <a:lnTo>
                  <a:pt x="2235664" y="1482468"/>
                </a:lnTo>
                <a:close/>
                <a:moveTo>
                  <a:pt x="2186198" y="967819"/>
                </a:moveTo>
                <a:lnTo>
                  <a:pt x="2186198" y="1482469"/>
                </a:lnTo>
                <a:lnTo>
                  <a:pt x="2052854" y="1579572"/>
                </a:lnTo>
                <a:lnTo>
                  <a:pt x="1701212" y="1321708"/>
                </a:lnTo>
                <a:close/>
                <a:moveTo>
                  <a:pt x="1116219" y="967819"/>
                </a:moveTo>
                <a:lnTo>
                  <a:pt x="1604430" y="1321708"/>
                </a:lnTo>
                <a:lnTo>
                  <a:pt x="1249563" y="1579572"/>
                </a:lnTo>
                <a:lnTo>
                  <a:pt x="1116219" y="1482469"/>
                </a:lnTo>
                <a:close/>
                <a:moveTo>
                  <a:pt x="1069979" y="967819"/>
                </a:moveTo>
                <a:lnTo>
                  <a:pt x="1069979" y="1482469"/>
                </a:lnTo>
                <a:lnTo>
                  <a:pt x="936635" y="1579572"/>
                </a:lnTo>
                <a:lnTo>
                  <a:pt x="582843" y="1321708"/>
                </a:lnTo>
                <a:close/>
                <a:moveTo>
                  <a:pt x="2231363" y="395731"/>
                </a:moveTo>
                <a:lnTo>
                  <a:pt x="2743232" y="769041"/>
                </a:lnTo>
                <a:lnTo>
                  <a:pt x="2743232" y="1285848"/>
                </a:lnTo>
                <a:lnTo>
                  <a:pt x="2231363" y="912538"/>
                </a:lnTo>
                <a:close/>
                <a:moveTo>
                  <a:pt x="2743232" y="0"/>
                </a:moveTo>
                <a:lnTo>
                  <a:pt x="2743232" y="514649"/>
                </a:lnTo>
                <a:lnTo>
                  <a:pt x="2608813" y="611753"/>
                </a:lnTo>
                <a:lnTo>
                  <a:pt x="2255021" y="354968"/>
                </a:lnTo>
                <a:close/>
              </a:path>
            </a:pathLst>
          </a:custGeom>
        </p:spPr>
        <p:txBody>
          <a:bodyPr wrap="square" anchor="ctr">
            <a:noAutofit/>
          </a:bodyPr>
          <a:lstStyle>
            <a:lvl1pPr marL="0" marR="0" indent="0" algn="l" defTabSz="914377" rtl="0" eaLnBrk="1" fontAlgn="auto" latinLnBrk="0" hangingPunct="1">
              <a:lnSpc>
                <a:spcPct val="100000"/>
              </a:lnSpc>
              <a:spcBef>
                <a:spcPts val="1600"/>
              </a:spcBef>
              <a:spcAft>
                <a:spcPts val="0"/>
              </a:spcAft>
              <a:buClrTx/>
              <a:buSzTx/>
              <a:buFontTx/>
              <a:buNone/>
              <a:tabLst/>
              <a:defRPr baseline="0"/>
            </a:lvl1pPr>
          </a:lstStyle>
          <a:p>
            <a:pPr marL="0" marR="0" lvl="0" indent="0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Click on the centre icon to insert picture</a:t>
            </a:r>
            <a:br>
              <a:rPr lang="en-GB" dirty="0"/>
            </a:br>
            <a:r>
              <a:rPr lang="en-GB" dirty="0"/>
              <a:t>Use the crop tool to reposition your image</a:t>
            </a:r>
          </a:p>
          <a:p>
            <a:endParaRPr lang="en-GB" dirty="0"/>
          </a:p>
        </p:txBody>
      </p:sp>
      <p:sp>
        <p:nvSpPr>
          <p:cNvPr id="14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96084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1002" y="1681163"/>
            <a:ext cx="4117180" cy="823912"/>
          </a:xfrm>
        </p:spPr>
        <p:txBody>
          <a:bodyPr anchor="b"/>
          <a:lstStyle>
            <a:lvl1pPr marL="0" indent="0">
              <a:buNone/>
              <a:defRPr sz="2400" b="1">
                <a:solidFill>
                  <a:schemeClr val="bg1">
                    <a:lumMod val="50000"/>
                  </a:schemeClr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81002" y="2505075"/>
            <a:ext cx="4117180" cy="3684588"/>
          </a:xfrm>
        </p:spPr>
        <p:txBody>
          <a:bodyPr/>
          <a:lstStyle>
            <a:lvl1pPr marL="228594" indent="-228594">
              <a:buClr>
                <a:srgbClr val="7F7F7F"/>
              </a:buClr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1" y="1681163"/>
            <a:ext cx="4120213" cy="823912"/>
          </a:xfrm>
        </p:spPr>
        <p:txBody>
          <a:bodyPr anchor="b"/>
          <a:lstStyle>
            <a:lvl1pPr marL="0" indent="0">
              <a:buNone/>
              <a:defRPr sz="2400" b="1">
                <a:solidFill>
                  <a:schemeClr val="bg1">
                    <a:lumMod val="50000"/>
                  </a:schemeClr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1" y="2505075"/>
            <a:ext cx="4120213" cy="3684588"/>
          </a:xfrm>
        </p:spPr>
        <p:txBody>
          <a:bodyPr/>
          <a:lstStyle>
            <a:lvl1pPr marL="228594" indent="-228594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8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19" name="Straight Connector 18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784103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1" y="457200"/>
            <a:ext cx="3198019" cy="1600200"/>
          </a:xfrm>
          <a:prstGeom prst="rect">
            <a:avLst/>
          </a:prstGeom>
        </p:spPr>
        <p:txBody>
          <a:bodyPr anchor="b"/>
          <a:lstStyle>
            <a:lvl1pPr>
              <a:defRPr sz="3200">
                <a:solidFill>
                  <a:srgbClr val="0058A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8"/>
            <a:ext cx="4861973" cy="4873625"/>
          </a:xfrm>
        </p:spPr>
        <p:txBody>
          <a:bodyPr/>
          <a:lstStyle>
            <a:lvl1pPr marL="228594" indent="-228594">
              <a:buFont typeface="Wingdings" panose="05000000000000000000" pitchFamily="2" charset="2"/>
              <a:buChar char="§"/>
              <a:defRPr sz="3200"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 sz="2800"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 sz="2400"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 sz="2000"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 sz="2000">
                <a:solidFill>
                  <a:schemeClr val="bg1">
                    <a:lumMod val="50000"/>
                  </a:schemeClr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81001" y="2057401"/>
            <a:ext cx="3198019" cy="3811588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>
                    <a:lumMod val="50000"/>
                  </a:schemeClr>
                </a:solidFill>
              </a:defRPr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9" name="Slide Number Placeholder 5"/>
          <p:cNvSpPr txBox="1">
            <a:spLocks/>
          </p:cNvSpPr>
          <p:nvPr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sp>
        <p:nvSpPr>
          <p:cNvPr id="8" name="Slide Number Placeholder 5"/>
          <p:cNvSpPr txBox="1">
            <a:spLocks/>
          </p:cNvSpPr>
          <p:nvPr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sp>
        <p:nvSpPr>
          <p:cNvPr id="10" name="Slide Number Placeholder 5"/>
          <p:cNvSpPr txBox="1">
            <a:spLocks/>
          </p:cNvSpPr>
          <p:nvPr userDrawn="1"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pic>
        <p:nvPicPr>
          <p:cNvPr id="18" name="Picture 1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986535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Right Side Picture with Caption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1" y="457200"/>
            <a:ext cx="3198019" cy="1600200"/>
          </a:xfrm>
          <a:prstGeom prst="rect">
            <a:avLst/>
          </a:prstGeom>
        </p:spPr>
        <p:txBody>
          <a:bodyPr anchor="b"/>
          <a:lstStyle>
            <a:lvl1pPr>
              <a:defRPr sz="3200">
                <a:solidFill>
                  <a:srgbClr val="0058A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8"/>
            <a:ext cx="4861973" cy="4873625"/>
          </a:xfrm>
        </p:spPr>
        <p:txBody>
          <a:bodyPr anchor="t"/>
          <a:lstStyle>
            <a:lvl1pPr marL="0" indent="0">
              <a:buNone/>
              <a:defRPr sz="3200">
                <a:solidFill>
                  <a:schemeClr val="bg1">
                    <a:lumMod val="50000"/>
                  </a:schemeClr>
                </a:solidFill>
              </a:defRPr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81001" y="2057401"/>
            <a:ext cx="3198019" cy="3811588"/>
          </a:xfrm>
        </p:spPr>
        <p:txBody>
          <a:bodyPr/>
          <a:lstStyle>
            <a:lvl1pPr marL="0" indent="0">
              <a:buNone/>
              <a:defRPr sz="1600">
                <a:solidFill>
                  <a:schemeClr val="bg1">
                    <a:lumMod val="50000"/>
                  </a:schemeClr>
                </a:solidFill>
              </a:defRPr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949365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3" y="365128"/>
            <a:ext cx="8368360" cy="863443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3600">
                <a:solidFill>
                  <a:srgbClr val="0058A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1pPr marL="228594" indent="-228594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Slide Number Placeholder 5"/>
          <p:cNvSpPr txBox="1">
            <a:spLocks/>
          </p:cNvSpPr>
          <p:nvPr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sp>
        <p:nvSpPr>
          <p:cNvPr id="9" name="Slide Number Placeholder 5"/>
          <p:cNvSpPr txBox="1">
            <a:spLocks/>
          </p:cNvSpPr>
          <p:nvPr userDrawn="1"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Picture 1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78384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Origin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81002" y="3528591"/>
            <a:ext cx="8368361" cy="2492797"/>
          </a:xfrm>
        </p:spPr>
        <p:txBody>
          <a:bodyPr/>
          <a:lstStyle>
            <a:lvl1pPr marL="0" indent="0" algn="ctr">
              <a:buNone/>
              <a:defRPr b="0">
                <a:solidFill>
                  <a:schemeClr val="accent4"/>
                </a:solidFill>
                <a:latin typeface="+mj-lt"/>
                <a:ea typeface="Verdana" pitchFamily="34" charset="0"/>
                <a:cs typeface="Verdana" pitchFamily="34" charset="0"/>
              </a:defRPr>
            </a:lvl1pPr>
            <a:lvl2pPr marL="457189" indent="0" algn="ctr">
              <a:buNone/>
              <a:defRPr/>
            </a:lvl2pPr>
            <a:lvl3pPr marL="914377" indent="0" algn="ctr">
              <a:buNone/>
              <a:defRPr/>
            </a:lvl3pPr>
            <a:lvl4pPr marL="1371566" indent="0" algn="ctr">
              <a:buNone/>
              <a:defRPr/>
            </a:lvl4pPr>
            <a:lvl5pPr marL="1828754" indent="0" algn="ctr">
              <a:buNone/>
              <a:defRPr/>
            </a:lvl5pPr>
            <a:lvl6pPr marL="2285943" indent="0" algn="ctr">
              <a:buNone/>
              <a:defRPr/>
            </a:lvl6pPr>
            <a:lvl7pPr marL="2743131" indent="0" algn="ctr">
              <a:buNone/>
              <a:defRPr/>
            </a:lvl7pPr>
            <a:lvl8pPr marL="3200320" indent="0" algn="ctr">
              <a:buNone/>
              <a:defRPr/>
            </a:lvl8pPr>
            <a:lvl9pPr marL="3657509" indent="0" algn="ctr">
              <a:buNone/>
              <a:defRPr/>
            </a:lvl9pPr>
          </a:lstStyle>
          <a:p>
            <a:r>
              <a:rPr lang="en-US" smtClean="0"/>
              <a:t>Click to edit Master subtitle style</a:t>
            </a:r>
            <a:endParaRPr lang="en-GB" dirty="0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GB">
                <a:solidFill>
                  <a:srgbClr val="3333CC"/>
                </a:solidFill>
              </a:rPr>
              <a:t> </a:t>
            </a:r>
            <a:endParaRPr lang="en-GB" dirty="0">
              <a:solidFill>
                <a:srgbClr val="3333CC"/>
              </a:solidFill>
            </a:endParaRPr>
          </a:p>
        </p:txBody>
      </p:sp>
      <p:sp>
        <p:nvSpPr>
          <p:cNvPr id="6" name="Title 2"/>
          <p:cNvSpPr>
            <a:spLocks noGrp="1"/>
          </p:cNvSpPr>
          <p:nvPr>
            <p:ph type="title"/>
          </p:nvPr>
        </p:nvSpPr>
        <p:spPr>
          <a:xfrm>
            <a:off x="381002" y="455087"/>
            <a:ext cx="7238999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8" name="Straight Connector 7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78" name="Picture 177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589061" y="3947"/>
            <a:ext cx="1554939" cy="112028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59084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119">
          <p15:clr>
            <a:srgbClr val="FBAE40"/>
          </p15:clr>
        </p15:guide>
        <p15:guide id="3" pos="4156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824795" y="365126"/>
            <a:ext cx="1971675" cy="5811839"/>
          </a:xfrm>
          <a:prstGeom prst="rect">
            <a:avLst/>
          </a:prstGeom>
        </p:spPr>
        <p:txBody>
          <a:bodyPr vert="eaVert">
            <a:normAutofit/>
          </a:bodyPr>
          <a:lstStyle>
            <a:lvl1pPr>
              <a:defRPr sz="3600">
                <a:solidFill>
                  <a:srgbClr val="0058A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381002" y="365126"/>
            <a:ext cx="6048375" cy="5811839"/>
          </a:xfrm>
        </p:spPr>
        <p:txBody>
          <a:bodyPr vert="eaVert"/>
          <a:lstStyle>
            <a:lvl1pPr marL="228594" indent="-228594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Slide Number Placeholder 5"/>
          <p:cNvSpPr txBox="1">
            <a:spLocks/>
          </p:cNvSpPr>
          <p:nvPr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sp>
        <p:nvSpPr>
          <p:cNvPr id="9" name="Slide Number Placeholder 5"/>
          <p:cNvSpPr txBox="1">
            <a:spLocks/>
          </p:cNvSpPr>
          <p:nvPr userDrawn="1"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0231950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 txBox="1">
            <a:spLocks/>
          </p:cNvSpPr>
          <p:nvPr userDrawn="1"/>
        </p:nvSpPr>
        <p:spPr>
          <a:xfrm>
            <a:off x="381003" y="365127"/>
            <a:ext cx="8368360" cy="1325563"/>
          </a:xfrm>
          <a:prstGeom prst="rect">
            <a:avLst/>
          </a:prstGeom>
        </p:spPr>
        <p:txBody>
          <a:bodyPr vert="horz" lIns="121920" tIns="60960" rIns="121920" bIns="60960" rtlCol="0" anchor="ctr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300" kern="1200">
                <a:solidFill>
                  <a:srgbClr val="0058A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 dirty="0" smtClean="0"/>
              <a:t>Click to edit Master title style</a:t>
            </a:r>
            <a:endParaRPr lang="en-US" sz="3600" dirty="0"/>
          </a:p>
        </p:txBody>
      </p:sp>
      <p:sp>
        <p:nvSpPr>
          <p:cNvPr id="6" name="Text Placeholder 3"/>
          <p:cNvSpPr>
            <a:spLocks noGrp="1"/>
          </p:cNvSpPr>
          <p:nvPr>
            <p:ph type="body" sz="half" idx="2"/>
          </p:nvPr>
        </p:nvSpPr>
        <p:spPr>
          <a:xfrm>
            <a:off x="381003" y="1825625"/>
            <a:ext cx="8368360" cy="4351339"/>
          </a:xfrm>
        </p:spPr>
        <p:txBody>
          <a:bodyPr/>
          <a:lstStyle>
            <a:lvl1pPr marL="0" indent="0">
              <a:buNone/>
              <a:defRPr sz="2300" baseline="0">
                <a:solidFill>
                  <a:srgbClr val="7F7F7F"/>
                </a:solidFill>
              </a:defRPr>
            </a:lvl1pPr>
            <a:lvl2pPr marL="457189" indent="0">
              <a:buNone/>
              <a:defRPr sz="1200"/>
            </a:lvl2pPr>
            <a:lvl3pPr marL="914377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1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27027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hf sldNum="0" hdr="0" ftr="0" dt="0"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, Text,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AE42ACCF-8CAF-4376-9D2C-B01FE328CA02}" type="slidenum">
              <a:rPr lang="en-GB" smtClean="0"/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GB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half" idx="1"/>
          </p:nvPr>
        </p:nvSpPr>
        <p:spPr>
          <a:xfrm>
            <a:off x="381002" y="1196974"/>
            <a:ext cx="4114799" cy="4824415"/>
          </a:xfrm>
        </p:spPr>
        <p:txBody>
          <a:bodyPr/>
          <a:lstStyle>
            <a:lvl1pPr marL="228594" indent="-228594" algn="l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5422620" y="590768"/>
            <a:ext cx="3660509" cy="5581432"/>
          </a:xfrm>
          <a:custGeom>
            <a:avLst/>
            <a:gdLst>
              <a:gd name="connsiteX0" fmla="*/ 2745382 w 2745382"/>
              <a:gd name="connsiteY0" fmla="*/ 3298116 h 4186074"/>
              <a:gd name="connsiteX1" fmla="*/ 2745382 w 2745382"/>
              <a:gd name="connsiteY1" fmla="*/ 3812766 h 4186074"/>
              <a:gd name="connsiteX2" fmla="*/ 2235664 w 2745382"/>
              <a:gd name="connsiteY2" fmla="*/ 4186074 h 4186074"/>
              <a:gd name="connsiteX3" fmla="*/ 2235664 w 2745382"/>
              <a:gd name="connsiteY3" fmla="*/ 3671425 h 4186074"/>
              <a:gd name="connsiteX4" fmla="*/ 1674329 w 2745382"/>
              <a:gd name="connsiteY4" fmla="*/ 3298115 h 4186074"/>
              <a:gd name="connsiteX5" fmla="*/ 2186198 w 2745382"/>
              <a:gd name="connsiteY5" fmla="*/ 3671425 h 4186074"/>
              <a:gd name="connsiteX6" fmla="*/ 2186198 w 2745382"/>
              <a:gd name="connsiteY6" fmla="*/ 4186074 h 4186074"/>
              <a:gd name="connsiteX7" fmla="*/ 1674329 w 2745382"/>
              <a:gd name="connsiteY7" fmla="*/ 3812765 h 4186074"/>
              <a:gd name="connsiteX8" fmla="*/ 2235664 w 2745382"/>
              <a:gd name="connsiteY8" fmla="*/ 2900235 h 4186074"/>
              <a:gd name="connsiteX9" fmla="*/ 2720650 w 2745382"/>
              <a:gd name="connsiteY9" fmla="*/ 3257361 h 4186074"/>
              <a:gd name="connsiteX10" fmla="*/ 2366858 w 2745382"/>
              <a:gd name="connsiteY10" fmla="*/ 3514146 h 4186074"/>
              <a:gd name="connsiteX11" fmla="*/ 2235664 w 2745382"/>
              <a:gd name="connsiteY11" fmla="*/ 3417042 h 4186074"/>
              <a:gd name="connsiteX12" fmla="*/ 2186198 w 2745382"/>
              <a:gd name="connsiteY12" fmla="*/ 2900235 h 4186074"/>
              <a:gd name="connsiteX13" fmla="*/ 2186198 w 2745382"/>
              <a:gd name="connsiteY13" fmla="*/ 3417042 h 4186074"/>
              <a:gd name="connsiteX14" fmla="*/ 2052854 w 2745382"/>
              <a:gd name="connsiteY14" fmla="*/ 3514146 h 4186074"/>
              <a:gd name="connsiteX15" fmla="*/ 1701212 w 2745382"/>
              <a:gd name="connsiteY15" fmla="*/ 3257361 h 4186074"/>
              <a:gd name="connsiteX16" fmla="*/ 2231363 w 2745382"/>
              <a:gd name="connsiteY16" fmla="*/ 2332446 h 4186074"/>
              <a:gd name="connsiteX17" fmla="*/ 2743232 w 2745382"/>
              <a:gd name="connsiteY17" fmla="*/ 2705756 h 4186074"/>
              <a:gd name="connsiteX18" fmla="*/ 2743232 w 2745382"/>
              <a:gd name="connsiteY18" fmla="*/ 3222563 h 4186074"/>
              <a:gd name="connsiteX19" fmla="*/ 2231363 w 2745382"/>
              <a:gd name="connsiteY19" fmla="*/ 2849253 h 4186074"/>
              <a:gd name="connsiteX20" fmla="*/ 2186199 w 2745382"/>
              <a:gd name="connsiteY20" fmla="*/ 2332446 h 4186074"/>
              <a:gd name="connsiteX21" fmla="*/ 2186199 w 2745382"/>
              <a:gd name="connsiteY21" fmla="*/ 2849253 h 4186074"/>
              <a:gd name="connsiteX22" fmla="*/ 1676480 w 2745382"/>
              <a:gd name="connsiteY22" fmla="*/ 3222563 h 4186074"/>
              <a:gd name="connsiteX23" fmla="*/ 1676480 w 2745382"/>
              <a:gd name="connsiteY23" fmla="*/ 2705756 h 4186074"/>
              <a:gd name="connsiteX24" fmla="*/ 1116219 w 2745382"/>
              <a:gd name="connsiteY24" fmla="*/ 2332446 h 4186074"/>
              <a:gd name="connsiteX25" fmla="*/ 1628088 w 2745382"/>
              <a:gd name="connsiteY25" fmla="*/ 2705756 h 4186074"/>
              <a:gd name="connsiteX26" fmla="*/ 1628088 w 2745382"/>
              <a:gd name="connsiteY26" fmla="*/ 3222563 h 4186074"/>
              <a:gd name="connsiteX27" fmla="*/ 1116219 w 2745382"/>
              <a:gd name="connsiteY27" fmla="*/ 2849253 h 4186074"/>
              <a:gd name="connsiteX28" fmla="*/ 1069979 w 2745382"/>
              <a:gd name="connsiteY28" fmla="*/ 2332446 h 4186074"/>
              <a:gd name="connsiteX29" fmla="*/ 1069979 w 2745382"/>
              <a:gd name="connsiteY29" fmla="*/ 2849253 h 4186074"/>
              <a:gd name="connsiteX30" fmla="*/ 558110 w 2745382"/>
              <a:gd name="connsiteY30" fmla="*/ 3222563 h 4186074"/>
              <a:gd name="connsiteX31" fmla="*/ 558110 w 2745382"/>
              <a:gd name="connsiteY31" fmla="*/ 2705756 h 4186074"/>
              <a:gd name="connsiteX32" fmla="*/ 0 w 2745382"/>
              <a:gd name="connsiteY32" fmla="*/ 2332446 h 4186074"/>
              <a:gd name="connsiteX33" fmla="*/ 511869 w 2745382"/>
              <a:gd name="connsiteY33" fmla="*/ 2705756 h 4186074"/>
              <a:gd name="connsiteX34" fmla="*/ 511869 w 2745382"/>
              <a:gd name="connsiteY34" fmla="*/ 3222563 h 4186074"/>
              <a:gd name="connsiteX35" fmla="*/ 0 w 2745382"/>
              <a:gd name="connsiteY35" fmla="*/ 2849253 h 4186074"/>
              <a:gd name="connsiteX36" fmla="*/ 2743232 w 2745382"/>
              <a:gd name="connsiteY36" fmla="*/ 1936715 h 4186074"/>
              <a:gd name="connsiteX37" fmla="*/ 2743232 w 2745382"/>
              <a:gd name="connsiteY37" fmla="*/ 2451365 h 4186074"/>
              <a:gd name="connsiteX38" fmla="*/ 2608813 w 2745382"/>
              <a:gd name="connsiteY38" fmla="*/ 2549547 h 4186074"/>
              <a:gd name="connsiteX39" fmla="*/ 2255021 w 2745382"/>
              <a:gd name="connsiteY39" fmla="*/ 2291683 h 4186074"/>
              <a:gd name="connsiteX40" fmla="*/ 1676480 w 2745382"/>
              <a:gd name="connsiteY40" fmla="*/ 1936715 h 4186074"/>
              <a:gd name="connsiteX41" fmla="*/ 2162541 w 2745382"/>
              <a:gd name="connsiteY41" fmla="*/ 2291683 h 4186074"/>
              <a:gd name="connsiteX42" fmla="*/ 1808749 w 2745382"/>
              <a:gd name="connsiteY42" fmla="*/ 2549547 h 4186074"/>
              <a:gd name="connsiteX43" fmla="*/ 1676480 w 2745382"/>
              <a:gd name="connsiteY43" fmla="*/ 2451365 h 4186074"/>
              <a:gd name="connsiteX44" fmla="*/ 1628089 w 2745382"/>
              <a:gd name="connsiteY44" fmla="*/ 1936715 h 4186074"/>
              <a:gd name="connsiteX45" fmla="*/ 1628089 w 2745382"/>
              <a:gd name="connsiteY45" fmla="*/ 2451365 h 4186074"/>
              <a:gd name="connsiteX46" fmla="*/ 1494745 w 2745382"/>
              <a:gd name="connsiteY46" fmla="*/ 2549547 h 4186074"/>
              <a:gd name="connsiteX47" fmla="*/ 1143103 w 2745382"/>
              <a:gd name="connsiteY47" fmla="*/ 2291683 h 4186074"/>
              <a:gd name="connsiteX48" fmla="*/ 558110 w 2745382"/>
              <a:gd name="connsiteY48" fmla="*/ 1936715 h 4186074"/>
              <a:gd name="connsiteX49" fmla="*/ 1046321 w 2745382"/>
              <a:gd name="connsiteY49" fmla="*/ 2291683 h 4186074"/>
              <a:gd name="connsiteX50" fmla="*/ 691454 w 2745382"/>
              <a:gd name="connsiteY50" fmla="*/ 2549547 h 4186074"/>
              <a:gd name="connsiteX51" fmla="*/ 558110 w 2745382"/>
              <a:gd name="connsiteY51" fmla="*/ 2451365 h 4186074"/>
              <a:gd name="connsiteX52" fmla="*/ 511870 w 2745382"/>
              <a:gd name="connsiteY52" fmla="*/ 1936715 h 4186074"/>
              <a:gd name="connsiteX53" fmla="*/ 511870 w 2745382"/>
              <a:gd name="connsiteY53" fmla="*/ 2451365 h 4186074"/>
              <a:gd name="connsiteX54" fmla="*/ 378526 w 2745382"/>
              <a:gd name="connsiteY54" fmla="*/ 2549547 h 4186074"/>
              <a:gd name="connsiteX55" fmla="*/ 24734 w 2745382"/>
              <a:gd name="connsiteY55" fmla="*/ 2291683 h 4186074"/>
              <a:gd name="connsiteX56" fmla="*/ 2745382 w 2745382"/>
              <a:gd name="connsiteY56" fmla="*/ 1363552 h 4186074"/>
              <a:gd name="connsiteX57" fmla="*/ 2745382 w 2745382"/>
              <a:gd name="connsiteY57" fmla="*/ 1880359 h 4186074"/>
              <a:gd name="connsiteX58" fmla="*/ 2235664 w 2745382"/>
              <a:gd name="connsiteY58" fmla="*/ 2252589 h 4186074"/>
              <a:gd name="connsiteX59" fmla="*/ 2235664 w 2745382"/>
              <a:gd name="connsiteY59" fmla="*/ 1735782 h 4186074"/>
              <a:gd name="connsiteX60" fmla="*/ 1674329 w 2745382"/>
              <a:gd name="connsiteY60" fmla="*/ 1363551 h 4186074"/>
              <a:gd name="connsiteX61" fmla="*/ 2186198 w 2745382"/>
              <a:gd name="connsiteY61" fmla="*/ 1735782 h 4186074"/>
              <a:gd name="connsiteX62" fmla="*/ 2186198 w 2745382"/>
              <a:gd name="connsiteY62" fmla="*/ 2252589 h 4186074"/>
              <a:gd name="connsiteX63" fmla="*/ 1674329 w 2745382"/>
              <a:gd name="connsiteY63" fmla="*/ 1880358 h 4186074"/>
              <a:gd name="connsiteX64" fmla="*/ 1628088 w 2745382"/>
              <a:gd name="connsiteY64" fmla="*/ 1363551 h 4186074"/>
              <a:gd name="connsiteX65" fmla="*/ 1628088 w 2745382"/>
              <a:gd name="connsiteY65" fmla="*/ 1880358 h 4186074"/>
              <a:gd name="connsiteX66" fmla="*/ 1116219 w 2745382"/>
              <a:gd name="connsiteY66" fmla="*/ 2252589 h 4186074"/>
              <a:gd name="connsiteX67" fmla="*/ 1116219 w 2745382"/>
              <a:gd name="connsiteY67" fmla="*/ 1735782 h 4186074"/>
              <a:gd name="connsiteX68" fmla="*/ 558110 w 2745382"/>
              <a:gd name="connsiteY68" fmla="*/ 1363551 h 4186074"/>
              <a:gd name="connsiteX69" fmla="*/ 1069979 w 2745382"/>
              <a:gd name="connsiteY69" fmla="*/ 1735782 h 4186074"/>
              <a:gd name="connsiteX70" fmla="*/ 1069979 w 2745382"/>
              <a:gd name="connsiteY70" fmla="*/ 2252589 h 4186074"/>
              <a:gd name="connsiteX71" fmla="*/ 558110 w 2745382"/>
              <a:gd name="connsiteY71" fmla="*/ 1880358 h 4186074"/>
              <a:gd name="connsiteX72" fmla="*/ 2235664 w 2745382"/>
              <a:gd name="connsiteY72" fmla="*/ 967819 h 4186074"/>
              <a:gd name="connsiteX73" fmla="*/ 2720650 w 2745382"/>
              <a:gd name="connsiteY73" fmla="*/ 1321708 h 4186074"/>
              <a:gd name="connsiteX74" fmla="*/ 2366858 w 2745382"/>
              <a:gd name="connsiteY74" fmla="*/ 1579572 h 4186074"/>
              <a:gd name="connsiteX75" fmla="*/ 2235664 w 2745382"/>
              <a:gd name="connsiteY75" fmla="*/ 1482468 h 4186074"/>
              <a:gd name="connsiteX76" fmla="*/ 2186198 w 2745382"/>
              <a:gd name="connsiteY76" fmla="*/ 967819 h 4186074"/>
              <a:gd name="connsiteX77" fmla="*/ 2186198 w 2745382"/>
              <a:gd name="connsiteY77" fmla="*/ 1482469 h 4186074"/>
              <a:gd name="connsiteX78" fmla="*/ 2052854 w 2745382"/>
              <a:gd name="connsiteY78" fmla="*/ 1579572 h 4186074"/>
              <a:gd name="connsiteX79" fmla="*/ 1701212 w 2745382"/>
              <a:gd name="connsiteY79" fmla="*/ 1321708 h 4186074"/>
              <a:gd name="connsiteX80" fmla="*/ 1116219 w 2745382"/>
              <a:gd name="connsiteY80" fmla="*/ 967819 h 4186074"/>
              <a:gd name="connsiteX81" fmla="*/ 1604430 w 2745382"/>
              <a:gd name="connsiteY81" fmla="*/ 1321708 h 4186074"/>
              <a:gd name="connsiteX82" fmla="*/ 1249563 w 2745382"/>
              <a:gd name="connsiteY82" fmla="*/ 1579572 h 4186074"/>
              <a:gd name="connsiteX83" fmla="*/ 1116219 w 2745382"/>
              <a:gd name="connsiteY83" fmla="*/ 1482469 h 4186074"/>
              <a:gd name="connsiteX84" fmla="*/ 1069979 w 2745382"/>
              <a:gd name="connsiteY84" fmla="*/ 967819 h 4186074"/>
              <a:gd name="connsiteX85" fmla="*/ 1069979 w 2745382"/>
              <a:gd name="connsiteY85" fmla="*/ 1482469 h 4186074"/>
              <a:gd name="connsiteX86" fmla="*/ 936635 w 2745382"/>
              <a:gd name="connsiteY86" fmla="*/ 1579572 h 4186074"/>
              <a:gd name="connsiteX87" fmla="*/ 582843 w 2745382"/>
              <a:gd name="connsiteY87" fmla="*/ 1321708 h 4186074"/>
              <a:gd name="connsiteX88" fmla="*/ 2231363 w 2745382"/>
              <a:gd name="connsiteY88" fmla="*/ 395731 h 4186074"/>
              <a:gd name="connsiteX89" fmla="*/ 2743232 w 2745382"/>
              <a:gd name="connsiteY89" fmla="*/ 769041 h 4186074"/>
              <a:gd name="connsiteX90" fmla="*/ 2743232 w 2745382"/>
              <a:gd name="connsiteY90" fmla="*/ 1285848 h 4186074"/>
              <a:gd name="connsiteX91" fmla="*/ 2231363 w 2745382"/>
              <a:gd name="connsiteY91" fmla="*/ 912538 h 4186074"/>
              <a:gd name="connsiteX92" fmla="*/ 2743232 w 2745382"/>
              <a:gd name="connsiteY92" fmla="*/ 0 h 4186074"/>
              <a:gd name="connsiteX93" fmla="*/ 2743232 w 2745382"/>
              <a:gd name="connsiteY93" fmla="*/ 514649 h 4186074"/>
              <a:gd name="connsiteX94" fmla="*/ 2608813 w 2745382"/>
              <a:gd name="connsiteY94" fmla="*/ 611753 h 4186074"/>
              <a:gd name="connsiteX95" fmla="*/ 2255021 w 2745382"/>
              <a:gd name="connsiteY95" fmla="*/ 354968 h 41860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</a:cxnLst>
            <a:rect l="l" t="t" r="r" b="b"/>
            <a:pathLst>
              <a:path w="2745382" h="4186074">
                <a:moveTo>
                  <a:pt x="2745382" y="3298116"/>
                </a:moveTo>
                <a:lnTo>
                  <a:pt x="2745382" y="3812766"/>
                </a:lnTo>
                <a:lnTo>
                  <a:pt x="2235664" y="4186074"/>
                </a:lnTo>
                <a:lnTo>
                  <a:pt x="2235664" y="3671425"/>
                </a:lnTo>
                <a:close/>
                <a:moveTo>
                  <a:pt x="1674329" y="3298115"/>
                </a:moveTo>
                <a:lnTo>
                  <a:pt x="2186198" y="3671425"/>
                </a:lnTo>
                <a:lnTo>
                  <a:pt x="2186198" y="4186074"/>
                </a:lnTo>
                <a:lnTo>
                  <a:pt x="1674329" y="3812765"/>
                </a:lnTo>
                <a:close/>
                <a:moveTo>
                  <a:pt x="2235664" y="2900235"/>
                </a:moveTo>
                <a:lnTo>
                  <a:pt x="2720650" y="3257361"/>
                </a:lnTo>
                <a:lnTo>
                  <a:pt x="2366858" y="3514146"/>
                </a:lnTo>
                <a:lnTo>
                  <a:pt x="2235664" y="3417042"/>
                </a:lnTo>
                <a:close/>
                <a:moveTo>
                  <a:pt x="2186198" y="2900235"/>
                </a:moveTo>
                <a:lnTo>
                  <a:pt x="2186198" y="3417042"/>
                </a:lnTo>
                <a:lnTo>
                  <a:pt x="2052854" y="3514146"/>
                </a:lnTo>
                <a:lnTo>
                  <a:pt x="1701212" y="3257361"/>
                </a:lnTo>
                <a:close/>
                <a:moveTo>
                  <a:pt x="2231363" y="2332446"/>
                </a:moveTo>
                <a:lnTo>
                  <a:pt x="2743232" y="2705756"/>
                </a:lnTo>
                <a:lnTo>
                  <a:pt x="2743232" y="3222563"/>
                </a:lnTo>
                <a:lnTo>
                  <a:pt x="2231363" y="2849253"/>
                </a:lnTo>
                <a:close/>
                <a:moveTo>
                  <a:pt x="2186199" y="2332446"/>
                </a:moveTo>
                <a:lnTo>
                  <a:pt x="2186199" y="2849253"/>
                </a:lnTo>
                <a:lnTo>
                  <a:pt x="1676480" y="3222563"/>
                </a:lnTo>
                <a:lnTo>
                  <a:pt x="1676480" y="2705756"/>
                </a:lnTo>
                <a:close/>
                <a:moveTo>
                  <a:pt x="1116219" y="2332446"/>
                </a:moveTo>
                <a:lnTo>
                  <a:pt x="1628088" y="2705756"/>
                </a:lnTo>
                <a:lnTo>
                  <a:pt x="1628088" y="3222563"/>
                </a:lnTo>
                <a:lnTo>
                  <a:pt x="1116219" y="2849253"/>
                </a:lnTo>
                <a:close/>
                <a:moveTo>
                  <a:pt x="1069979" y="2332446"/>
                </a:moveTo>
                <a:lnTo>
                  <a:pt x="1069979" y="2849253"/>
                </a:lnTo>
                <a:lnTo>
                  <a:pt x="558110" y="3222563"/>
                </a:lnTo>
                <a:lnTo>
                  <a:pt x="558110" y="2705756"/>
                </a:lnTo>
                <a:close/>
                <a:moveTo>
                  <a:pt x="0" y="2332446"/>
                </a:moveTo>
                <a:lnTo>
                  <a:pt x="511869" y="2705756"/>
                </a:lnTo>
                <a:lnTo>
                  <a:pt x="511869" y="3222563"/>
                </a:lnTo>
                <a:lnTo>
                  <a:pt x="0" y="2849253"/>
                </a:lnTo>
                <a:close/>
                <a:moveTo>
                  <a:pt x="2743232" y="1936715"/>
                </a:moveTo>
                <a:lnTo>
                  <a:pt x="2743232" y="2451365"/>
                </a:lnTo>
                <a:lnTo>
                  <a:pt x="2608813" y="2549547"/>
                </a:lnTo>
                <a:lnTo>
                  <a:pt x="2255021" y="2291683"/>
                </a:lnTo>
                <a:close/>
                <a:moveTo>
                  <a:pt x="1676480" y="1936715"/>
                </a:moveTo>
                <a:lnTo>
                  <a:pt x="2162541" y="2291683"/>
                </a:lnTo>
                <a:lnTo>
                  <a:pt x="1808749" y="2549547"/>
                </a:lnTo>
                <a:lnTo>
                  <a:pt x="1676480" y="2451365"/>
                </a:lnTo>
                <a:close/>
                <a:moveTo>
                  <a:pt x="1628089" y="1936715"/>
                </a:moveTo>
                <a:lnTo>
                  <a:pt x="1628089" y="2451365"/>
                </a:lnTo>
                <a:lnTo>
                  <a:pt x="1494745" y="2549547"/>
                </a:lnTo>
                <a:lnTo>
                  <a:pt x="1143103" y="2291683"/>
                </a:lnTo>
                <a:close/>
                <a:moveTo>
                  <a:pt x="558110" y="1936715"/>
                </a:moveTo>
                <a:lnTo>
                  <a:pt x="1046321" y="2291683"/>
                </a:lnTo>
                <a:lnTo>
                  <a:pt x="691454" y="2549547"/>
                </a:lnTo>
                <a:lnTo>
                  <a:pt x="558110" y="2451365"/>
                </a:lnTo>
                <a:close/>
                <a:moveTo>
                  <a:pt x="511870" y="1936715"/>
                </a:moveTo>
                <a:lnTo>
                  <a:pt x="511870" y="2451365"/>
                </a:lnTo>
                <a:lnTo>
                  <a:pt x="378526" y="2549547"/>
                </a:lnTo>
                <a:lnTo>
                  <a:pt x="24734" y="2291683"/>
                </a:lnTo>
                <a:close/>
                <a:moveTo>
                  <a:pt x="2745382" y="1363552"/>
                </a:moveTo>
                <a:lnTo>
                  <a:pt x="2745382" y="1880359"/>
                </a:lnTo>
                <a:lnTo>
                  <a:pt x="2235664" y="2252589"/>
                </a:lnTo>
                <a:lnTo>
                  <a:pt x="2235664" y="1735782"/>
                </a:lnTo>
                <a:close/>
                <a:moveTo>
                  <a:pt x="1674329" y="1363551"/>
                </a:moveTo>
                <a:lnTo>
                  <a:pt x="2186198" y="1735782"/>
                </a:lnTo>
                <a:lnTo>
                  <a:pt x="2186198" y="2252589"/>
                </a:lnTo>
                <a:lnTo>
                  <a:pt x="1674329" y="1880358"/>
                </a:lnTo>
                <a:close/>
                <a:moveTo>
                  <a:pt x="1628088" y="1363551"/>
                </a:moveTo>
                <a:lnTo>
                  <a:pt x="1628088" y="1880358"/>
                </a:lnTo>
                <a:lnTo>
                  <a:pt x="1116219" y="2252589"/>
                </a:lnTo>
                <a:lnTo>
                  <a:pt x="1116219" y="1735782"/>
                </a:lnTo>
                <a:close/>
                <a:moveTo>
                  <a:pt x="558110" y="1363551"/>
                </a:moveTo>
                <a:lnTo>
                  <a:pt x="1069979" y="1735782"/>
                </a:lnTo>
                <a:lnTo>
                  <a:pt x="1069979" y="2252589"/>
                </a:lnTo>
                <a:lnTo>
                  <a:pt x="558110" y="1880358"/>
                </a:lnTo>
                <a:close/>
                <a:moveTo>
                  <a:pt x="2235664" y="967819"/>
                </a:moveTo>
                <a:lnTo>
                  <a:pt x="2720650" y="1321708"/>
                </a:lnTo>
                <a:lnTo>
                  <a:pt x="2366858" y="1579572"/>
                </a:lnTo>
                <a:lnTo>
                  <a:pt x="2235664" y="1482468"/>
                </a:lnTo>
                <a:close/>
                <a:moveTo>
                  <a:pt x="2186198" y="967819"/>
                </a:moveTo>
                <a:lnTo>
                  <a:pt x="2186198" y="1482469"/>
                </a:lnTo>
                <a:lnTo>
                  <a:pt x="2052854" y="1579572"/>
                </a:lnTo>
                <a:lnTo>
                  <a:pt x="1701212" y="1321708"/>
                </a:lnTo>
                <a:close/>
                <a:moveTo>
                  <a:pt x="1116219" y="967819"/>
                </a:moveTo>
                <a:lnTo>
                  <a:pt x="1604430" y="1321708"/>
                </a:lnTo>
                <a:lnTo>
                  <a:pt x="1249563" y="1579572"/>
                </a:lnTo>
                <a:lnTo>
                  <a:pt x="1116219" y="1482469"/>
                </a:lnTo>
                <a:close/>
                <a:moveTo>
                  <a:pt x="1069979" y="967819"/>
                </a:moveTo>
                <a:lnTo>
                  <a:pt x="1069979" y="1482469"/>
                </a:lnTo>
                <a:lnTo>
                  <a:pt x="936635" y="1579572"/>
                </a:lnTo>
                <a:lnTo>
                  <a:pt x="582843" y="1321708"/>
                </a:lnTo>
                <a:close/>
                <a:moveTo>
                  <a:pt x="2231363" y="395731"/>
                </a:moveTo>
                <a:lnTo>
                  <a:pt x="2743232" y="769041"/>
                </a:lnTo>
                <a:lnTo>
                  <a:pt x="2743232" y="1285848"/>
                </a:lnTo>
                <a:lnTo>
                  <a:pt x="2231363" y="912538"/>
                </a:lnTo>
                <a:close/>
                <a:moveTo>
                  <a:pt x="2743232" y="0"/>
                </a:moveTo>
                <a:lnTo>
                  <a:pt x="2743232" y="514649"/>
                </a:lnTo>
                <a:lnTo>
                  <a:pt x="2608813" y="611753"/>
                </a:lnTo>
                <a:lnTo>
                  <a:pt x="2255021" y="354968"/>
                </a:lnTo>
                <a:close/>
              </a:path>
            </a:pathLst>
          </a:custGeom>
        </p:spPr>
        <p:txBody>
          <a:bodyPr wrap="square" anchor="ctr">
            <a:noAutofit/>
          </a:bodyPr>
          <a:lstStyle>
            <a:lvl1pPr marL="0" marR="0" indent="0" algn="l" defTabSz="914377" rtl="0" eaLnBrk="1" fontAlgn="auto" latinLnBrk="0" hangingPunct="1">
              <a:lnSpc>
                <a:spcPct val="100000"/>
              </a:lnSpc>
              <a:spcBef>
                <a:spcPts val="1600"/>
              </a:spcBef>
              <a:spcAft>
                <a:spcPts val="0"/>
              </a:spcAft>
              <a:buClrTx/>
              <a:buSzTx/>
              <a:buFontTx/>
              <a:buNone/>
              <a:tabLst/>
              <a:defRPr baseline="0"/>
            </a:lvl1pPr>
          </a:lstStyle>
          <a:p>
            <a:pPr marL="0" marR="0" lvl="0" indent="0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Click on the centre icon to insert picture</a:t>
            </a:r>
            <a:br>
              <a:rPr lang="en-GB" dirty="0"/>
            </a:br>
            <a:r>
              <a:rPr lang="en-GB" dirty="0"/>
              <a:t>Use the crop tool to reposition your image</a:t>
            </a:r>
          </a:p>
          <a:p>
            <a:endParaRPr lang="en-GB" dirty="0"/>
          </a:p>
        </p:txBody>
      </p:sp>
      <p:sp>
        <p:nvSpPr>
          <p:cNvPr id="10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11" name="Straight Connector 10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23122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1A72D0-4D16-4F9D-B605-736D7EC7A5C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681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1A72D0-4D16-4F9D-B605-736D7EC7A5C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39151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EB0EE5A-59AA-4925-9970-F24F456B94DA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00189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, Text,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AE42ACCF-8CAF-4376-9D2C-B01FE328CA02}" type="slidenum">
              <a:rPr lang="en-GB" smtClean="0"/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GB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half" idx="1"/>
          </p:nvPr>
        </p:nvSpPr>
        <p:spPr>
          <a:xfrm>
            <a:off x="381002" y="1196974"/>
            <a:ext cx="4114799" cy="4824415"/>
          </a:xfrm>
        </p:spPr>
        <p:txBody>
          <a:bodyPr/>
          <a:lstStyle>
            <a:lvl1pPr marL="228594" indent="-228594" algn="l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5422620" y="590768"/>
            <a:ext cx="3660509" cy="5581432"/>
          </a:xfrm>
          <a:custGeom>
            <a:avLst/>
            <a:gdLst>
              <a:gd name="connsiteX0" fmla="*/ 2745382 w 2745382"/>
              <a:gd name="connsiteY0" fmla="*/ 3298116 h 4186074"/>
              <a:gd name="connsiteX1" fmla="*/ 2745382 w 2745382"/>
              <a:gd name="connsiteY1" fmla="*/ 3812766 h 4186074"/>
              <a:gd name="connsiteX2" fmla="*/ 2235664 w 2745382"/>
              <a:gd name="connsiteY2" fmla="*/ 4186074 h 4186074"/>
              <a:gd name="connsiteX3" fmla="*/ 2235664 w 2745382"/>
              <a:gd name="connsiteY3" fmla="*/ 3671425 h 4186074"/>
              <a:gd name="connsiteX4" fmla="*/ 1674329 w 2745382"/>
              <a:gd name="connsiteY4" fmla="*/ 3298115 h 4186074"/>
              <a:gd name="connsiteX5" fmla="*/ 2186198 w 2745382"/>
              <a:gd name="connsiteY5" fmla="*/ 3671425 h 4186074"/>
              <a:gd name="connsiteX6" fmla="*/ 2186198 w 2745382"/>
              <a:gd name="connsiteY6" fmla="*/ 4186074 h 4186074"/>
              <a:gd name="connsiteX7" fmla="*/ 1674329 w 2745382"/>
              <a:gd name="connsiteY7" fmla="*/ 3812765 h 4186074"/>
              <a:gd name="connsiteX8" fmla="*/ 2235664 w 2745382"/>
              <a:gd name="connsiteY8" fmla="*/ 2900235 h 4186074"/>
              <a:gd name="connsiteX9" fmla="*/ 2720650 w 2745382"/>
              <a:gd name="connsiteY9" fmla="*/ 3257361 h 4186074"/>
              <a:gd name="connsiteX10" fmla="*/ 2366858 w 2745382"/>
              <a:gd name="connsiteY10" fmla="*/ 3514146 h 4186074"/>
              <a:gd name="connsiteX11" fmla="*/ 2235664 w 2745382"/>
              <a:gd name="connsiteY11" fmla="*/ 3417042 h 4186074"/>
              <a:gd name="connsiteX12" fmla="*/ 2186198 w 2745382"/>
              <a:gd name="connsiteY12" fmla="*/ 2900235 h 4186074"/>
              <a:gd name="connsiteX13" fmla="*/ 2186198 w 2745382"/>
              <a:gd name="connsiteY13" fmla="*/ 3417042 h 4186074"/>
              <a:gd name="connsiteX14" fmla="*/ 2052854 w 2745382"/>
              <a:gd name="connsiteY14" fmla="*/ 3514146 h 4186074"/>
              <a:gd name="connsiteX15" fmla="*/ 1701212 w 2745382"/>
              <a:gd name="connsiteY15" fmla="*/ 3257361 h 4186074"/>
              <a:gd name="connsiteX16" fmla="*/ 2231363 w 2745382"/>
              <a:gd name="connsiteY16" fmla="*/ 2332446 h 4186074"/>
              <a:gd name="connsiteX17" fmla="*/ 2743232 w 2745382"/>
              <a:gd name="connsiteY17" fmla="*/ 2705756 h 4186074"/>
              <a:gd name="connsiteX18" fmla="*/ 2743232 w 2745382"/>
              <a:gd name="connsiteY18" fmla="*/ 3222563 h 4186074"/>
              <a:gd name="connsiteX19" fmla="*/ 2231363 w 2745382"/>
              <a:gd name="connsiteY19" fmla="*/ 2849253 h 4186074"/>
              <a:gd name="connsiteX20" fmla="*/ 2186199 w 2745382"/>
              <a:gd name="connsiteY20" fmla="*/ 2332446 h 4186074"/>
              <a:gd name="connsiteX21" fmla="*/ 2186199 w 2745382"/>
              <a:gd name="connsiteY21" fmla="*/ 2849253 h 4186074"/>
              <a:gd name="connsiteX22" fmla="*/ 1676480 w 2745382"/>
              <a:gd name="connsiteY22" fmla="*/ 3222563 h 4186074"/>
              <a:gd name="connsiteX23" fmla="*/ 1676480 w 2745382"/>
              <a:gd name="connsiteY23" fmla="*/ 2705756 h 4186074"/>
              <a:gd name="connsiteX24" fmla="*/ 1116219 w 2745382"/>
              <a:gd name="connsiteY24" fmla="*/ 2332446 h 4186074"/>
              <a:gd name="connsiteX25" fmla="*/ 1628088 w 2745382"/>
              <a:gd name="connsiteY25" fmla="*/ 2705756 h 4186074"/>
              <a:gd name="connsiteX26" fmla="*/ 1628088 w 2745382"/>
              <a:gd name="connsiteY26" fmla="*/ 3222563 h 4186074"/>
              <a:gd name="connsiteX27" fmla="*/ 1116219 w 2745382"/>
              <a:gd name="connsiteY27" fmla="*/ 2849253 h 4186074"/>
              <a:gd name="connsiteX28" fmla="*/ 1069979 w 2745382"/>
              <a:gd name="connsiteY28" fmla="*/ 2332446 h 4186074"/>
              <a:gd name="connsiteX29" fmla="*/ 1069979 w 2745382"/>
              <a:gd name="connsiteY29" fmla="*/ 2849253 h 4186074"/>
              <a:gd name="connsiteX30" fmla="*/ 558110 w 2745382"/>
              <a:gd name="connsiteY30" fmla="*/ 3222563 h 4186074"/>
              <a:gd name="connsiteX31" fmla="*/ 558110 w 2745382"/>
              <a:gd name="connsiteY31" fmla="*/ 2705756 h 4186074"/>
              <a:gd name="connsiteX32" fmla="*/ 0 w 2745382"/>
              <a:gd name="connsiteY32" fmla="*/ 2332446 h 4186074"/>
              <a:gd name="connsiteX33" fmla="*/ 511869 w 2745382"/>
              <a:gd name="connsiteY33" fmla="*/ 2705756 h 4186074"/>
              <a:gd name="connsiteX34" fmla="*/ 511869 w 2745382"/>
              <a:gd name="connsiteY34" fmla="*/ 3222563 h 4186074"/>
              <a:gd name="connsiteX35" fmla="*/ 0 w 2745382"/>
              <a:gd name="connsiteY35" fmla="*/ 2849253 h 4186074"/>
              <a:gd name="connsiteX36" fmla="*/ 2743232 w 2745382"/>
              <a:gd name="connsiteY36" fmla="*/ 1936715 h 4186074"/>
              <a:gd name="connsiteX37" fmla="*/ 2743232 w 2745382"/>
              <a:gd name="connsiteY37" fmla="*/ 2451365 h 4186074"/>
              <a:gd name="connsiteX38" fmla="*/ 2608813 w 2745382"/>
              <a:gd name="connsiteY38" fmla="*/ 2549547 h 4186074"/>
              <a:gd name="connsiteX39" fmla="*/ 2255021 w 2745382"/>
              <a:gd name="connsiteY39" fmla="*/ 2291683 h 4186074"/>
              <a:gd name="connsiteX40" fmla="*/ 1676480 w 2745382"/>
              <a:gd name="connsiteY40" fmla="*/ 1936715 h 4186074"/>
              <a:gd name="connsiteX41" fmla="*/ 2162541 w 2745382"/>
              <a:gd name="connsiteY41" fmla="*/ 2291683 h 4186074"/>
              <a:gd name="connsiteX42" fmla="*/ 1808749 w 2745382"/>
              <a:gd name="connsiteY42" fmla="*/ 2549547 h 4186074"/>
              <a:gd name="connsiteX43" fmla="*/ 1676480 w 2745382"/>
              <a:gd name="connsiteY43" fmla="*/ 2451365 h 4186074"/>
              <a:gd name="connsiteX44" fmla="*/ 1628089 w 2745382"/>
              <a:gd name="connsiteY44" fmla="*/ 1936715 h 4186074"/>
              <a:gd name="connsiteX45" fmla="*/ 1628089 w 2745382"/>
              <a:gd name="connsiteY45" fmla="*/ 2451365 h 4186074"/>
              <a:gd name="connsiteX46" fmla="*/ 1494745 w 2745382"/>
              <a:gd name="connsiteY46" fmla="*/ 2549547 h 4186074"/>
              <a:gd name="connsiteX47" fmla="*/ 1143103 w 2745382"/>
              <a:gd name="connsiteY47" fmla="*/ 2291683 h 4186074"/>
              <a:gd name="connsiteX48" fmla="*/ 558110 w 2745382"/>
              <a:gd name="connsiteY48" fmla="*/ 1936715 h 4186074"/>
              <a:gd name="connsiteX49" fmla="*/ 1046321 w 2745382"/>
              <a:gd name="connsiteY49" fmla="*/ 2291683 h 4186074"/>
              <a:gd name="connsiteX50" fmla="*/ 691454 w 2745382"/>
              <a:gd name="connsiteY50" fmla="*/ 2549547 h 4186074"/>
              <a:gd name="connsiteX51" fmla="*/ 558110 w 2745382"/>
              <a:gd name="connsiteY51" fmla="*/ 2451365 h 4186074"/>
              <a:gd name="connsiteX52" fmla="*/ 511870 w 2745382"/>
              <a:gd name="connsiteY52" fmla="*/ 1936715 h 4186074"/>
              <a:gd name="connsiteX53" fmla="*/ 511870 w 2745382"/>
              <a:gd name="connsiteY53" fmla="*/ 2451365 h 4186074"/>
              <a:gd name="connsiteX54" fmla="*/ 378526 w 2745382"/>
              <a:gd name="connsiteY54" fmla="*/ 2549547 h 4186074"/>
              <a:gd name="connsiteX55" fmla="*/ 24734 w 2745382"/>
              <a:gd name="connsiteY55" fmla="*/ 2291683 h 4186074"/>
              <a:gd name="connsiteX56" fmla="*/ 2745382 w 2745382"/>
              <a:gd name="connsiteY56" fmla="*/ 1363552 h 4186074"/>
              <a:gd name="connsiteX57" fmla="*/ 2745382 w 2745382"/>
              <a:gd name="connsiteY57" fmla="*/ 1880359 h 4186074"/>
              <a:gd name="connsiteX58" fmla="*/ 2235664 w 2745382"/>
              <a:gd name="connsiteY58" fmla="*/ 2252589 h 4186074"/>
              <a:gd name="connsiteX59" fmla="*/ 2235664 w 2745382"/>
              <a:gd name="connsiteY59" fmla="*/ 1735782 h 4186074"/>
              <a:gd name="connsiteX60" fmla="*/ 1674329 w 2745382"/>
              <a:gd name="connsiteY60" fmla="*/ 1363551 h 4186074"/>
              <a:gd name="connsiteX61" fmla="*/ 2186198 w 2745382"/>
              <a:gd name="connsiteY61" fmla="*/ 1735782 h 4186074"/>
              <a:gd name="connsiteX62" fmla="*/ 2186198 w 2745382"/>
              <a:gd name="connsiteY62" fmla="*/ 2252589 h 4186074"/>
              <a:gd name="connsiteX63" fmla="*/ 1674329 w 2745382"/>
              <a:gd name="connsiteY63" fmla="*/ 1880358 h 4186074"/>
              <a:gd name="connsiteX64" fmla="*/ 1628088 w 2745382"/>
              <a:gd name="connsiteY64" fmla="*/ 1363551 h 4186074"/>
              <a:gd name="connsiteX65" fmla="*/ 1628088 w 2745382"/>
              <a:gd name="connsiteY65" fmla="*/ 1880358 h 4186074"/>
              <a:gd name="connsiteX66" fmla="*/ 1116219 w 2745382"/>
              <a:gd name="connsiteY66" fmla="*/ 2252589 h 4186074"/>
              <a:gd name="connsiteX67" fmla="*/ 1116219 w 2745382"/>
              <a:gd name="connsiteY67" fmla="*/ 1735782 h 4186074"/>
              <a:gd name="connsiteX68" fmla="*/ 558110 w 2745382"/>
              <a:gd name="connsiteY68" fmla="*/ 1363551 h 4186074"/>
              <a:gd name="connsiteX69" fmla="*/ 1069979 w 2745382"/>
              <a:gd name="connsiteY69" fmla="*/ 1735782 h 4186074"/>
              <a:gd name="connsiteX70" fmla="*/ 1069979 w 2745382"/>
              <a:gd name="connsiteY70" fmla="*/ 2252589 h 4186074"/>
              <a:gd name="connsiteX71" fmla="*/ 558110 w 2745382"/>
              <a:gd name="connsiteY71" fmla="*/ 1880358 h 4186074"/>
              <a:gd name="connsiteX72" fmla="*/ 2235664 w 2745382"/>
              <a:gd name="connsiteY72" fmla="*/ 967819 h 4186074"/>
              <a:gd name="connsiteX73" fmla="*/ 2720650 w 2745382"/>
              <a:gd name="connsiteY73" fmla="*/ 1321708 h 4186074"/>
              <a:gd name="connsiteX74" fmla="*/ 2366858 w 2745382"/>
              <a:gd name="connsiteY74" fmla="*/ 1579572 h 4186074"/>
              <a:gd name="connsiteX75" fmla="*/ 2235664 w 2745382"/>
              <a:gd name="connsiteY75" fmla="*/ 1482468 h 4186074"/>
              <a:gd name="connsiteX76" fmla="*/ 2186198 w 2745382"/>
              <a:gd name="connsiteY76" fmla="*/ 967819 h 4186074"/>
              <a:gd name="connsiteX77" fmla="*/ 2186198 w 2745382"/>
              <a:gd name="connsiteY77" fmla="*/ 1482469 h 4186074"/>
              <a:gd name="connsiteX78" fmla="*/ 2052854 w 2745382"/>
              <a:gd name="connsiteY78" fmla="*/ 1579572 h 4186074"/>
              <a:gd name="connsiteX79" fmla="*/ 1701212 w 2745382"/>
              <a:gd name="connsiteY79" fmla="*/ 1321708 h 4186074"/>
              <a:gd name="connsiteX80" fmla="*/ 1116219 w 2745382"/>
              <a:gd name="connsiteY80" fmla="*/ 967819 h 4186074"/>
              <a:gd name="connsiteX81" fmla="*/ 1604430 w 2745382"/>
              <a:gd name="connsiteY81" fmla="*/ 1321708 h 4186074"/>
              <a:gd name="connsiteX82" fmla="*/ 1249563 w 2745382"/>
              <a:gd name="connsiteY82" fmla="*/ 1579572 h 4186074"/>
              <a:gd name="connsiteX83" fmla="*/ 1116219 w 2745382"/>
              <a:gd name="connsiteY83" fmla="*/ 1482469 h 4186074"/>
              <a:gd name="connsiteX84" fmla="*/ 1069979 w 2745382"/>
              <a:gd name="connsiteY84" fmla="*/ 967819 h 4186074"/>
              <a:gd name="connsiteX85" fmla="*/ 1069979 w 2745382"/>
              <a:gd name="connsiteY85" fmla="*/ 1482469 h 4186074"/>
              <a:gd name="connsiteX86" fmla="*/ 936635 w 2745382"/>
              <a:gd name="connsiteY86" fmla="*/ 1579572 h 4186074"/>
              <a:gd name="connsiteX87" fmla="*/ 582843 w 2745382"/>
              <a:gd name="connsiteY87" fmla="*/ 1321708 h 4186074"/>
              <a:gd name="connsiteX88" fmla="*/ 2231363 w 2745382"/>
              <a:gd name="connsiteY88" fmla="*/ 395731 h 4186074"/>
              <a:gd name="connsiteX89" fmla="*/ 2743232 w 2745382"/>
              <a:gd name="connsiteY89" fmla="*/ 769041 h 4186074"/>
              <a:gd name="connsiteX90" fmla="*/ 2743232 w 2745382"/>
              <a:gd name="connsiteY90" fmla="*/ 1285848 h 4186074"/>
              <a:gd name="connsiteX91" fmla="*/ 2231363 w 2745382"/>
              <a:gd name="connsiteY91" fmla="*/ 912538 h 4186074"/>
              <a:gd name="connsiteX92" fmla="*/ 2743232 w 2745382"/>
              <a:gd name="connsiteY92" fmla="*/ 0 h 4186074"/>
              <a:gd name="connsiteX93" fmla="*/ 2743232 w 2745382"/>
              <a:gd name="connsiteY93" fmla="*/ 514649 h 4186074"/>
              <a:gd name="connsiteX94" fmla="*/ 2608813 w 2745382"/>
              <a:gd name="connsiteY94" fmla="*/ 611753 h 4186074"/>
              <a:gd name="connsiteX95" fmla="*/ 2255021 w 2745382"/>
              <a:gd name="connsiteY95" fmla="*/ 354968 h 41860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</a:cxnLst>
            <a:rect l="l" t="t" r="r" b="b"/>
            <a:pathLst>
              <a:path w="2745382" h="4186074">
                <a:moveTo>
                  <a:pt x="2745382" y="3298116"/>
                </a:moveTo>
                <a:lnTo>
                  <a:pt x="2745382" y="3812766"/>
                </a:lnTo>
                <a:lnTo>
                  <a:pt x="2235664" y="4186074"/>
                </a:lnTo>
                <a:lnTo>
                  <a:pt x="2235664" y="3671425"/>
                </a:lnTo>
                <a:close/>
                <a:moveTo>
                  <a:pt x="1674329" y="3298115"/>
                </a:moveTo>
                <a:lnTo>
                  <a:pt x="2186198" y="3671425"/>
                </a:lnTo>
                <a:lnTo>
                  <a:pt x="2186198" y="4186074"/>
                </a:lnTo>
                <a:lnTo>
                  <a:pt x="1674329" y="3812765"/>
                </a:lnTo>
                <a:close/>
                <a:moveTo>
                  <a:pt x="2235664" y="2900235"/>
                </a:moveTo>
                <a:lnTo>
                  <a:pt x="2720650" y="3257361"/>
                </a:lnTo>
                <a:lnTo>
                  <a:pt x="2366858" y="3514146"/>
                </a:lnTo>
                <a:lnTo>
                  <a:pt x="2235664" y="3417042"/>
                </a:lnTo>
                <a:close/>
                <a:moveTo>
                  <a:pt x="2186198" y="2900235"/>
                </a:moveTo>
                <a:lnTo>
                  <a:pt x="2186198" y="3417042"/>
                </a:lnTo>
                <a:lnTo>
                  <a:pt x="2052854" y="3514146"/>
                </a:lnTo>
                <a:lnTo>
                  <a:pt x="1701212" y="3257361"/>
                </a:lnTo>
                <a:close/>
                <a:moveTo>
                  <a:pt x="2231363" y="2332446"/>
                </a:moveTo>
                <a:lnTo>
                  <a:pt x="2743232" y="2705756"/>
                </a:lnTo>
                <a:lnTo>
                  <a:pt x="2743232" y="3222563"/>
                </a:lnTo>
                <a:lnTo>
                  <a:pt x="2231363" y="2849253"/>
                </a:lnTo>
                <a:close/>
                <a:moveTo>
                  <a:pt x="2186199" y="2332446"/>
                </a:moveTo>
                <a:lnTo>
                  <a:pt x="2186199" y="2849253"/>
                </a:lnTo>
                <a:lnTo>
                  <a:pt x="1676480" y="3222563"/>
                </a:lnTo>
                <a:lnTo>
                  <a:pt x="1676480" y="2705756"/>
                </a:lnTo>
                <a:close/>
                <a:moveTo>
                  <a:pt x="1116219" y="2332446"/>
                </a:moveTo>
                <a:lnTo>
                  <a:pt x="1628088" y="2705756"/>
                </a:lnTo>
                <a:lnTo>
                  <a:pt x="1628088" y="3222563"/>
                </a:lnTo>
                <a:lnTo>
                  <a:pt x="1116219" y="2849253"/>
                </a:lnTo>
                <a:close/>
                <a:moveTo>
                  <a:pt x="1069979" y="2332446"/>
                </a:moveTo>
                <a:lnTo>
                  <a:pt x="1069979" y="2849253"/>
                </a:lnTo>
                <a:lnTo>
                  <a:pt x="558110" y="3222563"/>
                </a:lnTo>
                <a:lnTo>
                  <a:pt x="558110" y="2705756"/>
                </a:lnTo>
                <a:close/>
                <a:moveTo>
                  <a:pt x="0" y="2332446"/>
                </a:moveTo>
                <a:lnTo>
                  <a:pt x="511869" y="2705756"/>
                </a:lnTo>
                <a:lnTo>
                  <a:pt x="511869" y="3222563"/>
                </a:lnTo>
                <a:lnTo>
                  <a:pt x="0" y="2849253"/>
                </a:lnTo>
                <a:close/>
                <a:moveTo>
                  <a:pt x="2743232" y="1936715"/>
                </a:moveTo>
                <a:lnTo>
                  <a:pt x="2743232" y="2451365"/>
                </a:lnTo>
                <a:lnTo>
                  <a:pt x="2608813" y="2549547"/>
                </a:lnTo>
                <a:lnTo>
                  <a:pt x="2255021" y="2291683"/>
                </a:lnTo>
                <a:close/>
                <a:moveTo>
                  <a:pt x="1676480" y="1936715"/>
                </a:moveTo>
                <a:lnTo>
                  <a:pt x="2162541" y="2291683"/>
                </a:lnTo>
                <a:lnTo>
                  <a:pt x="1808749" y="2549547"/>
                </a:lnTo>
                <a:lnTo>
                  <a:pt x="1676480" y="2451365"/>
                </a:lnTo>
                <a:close/>
                <a:moveTo>
                  <a:pt x="1628089" y="1936715"/>
                </a:moveTo>
                <a:lnTo>
                  <a:pt x="1628089" y="2451365"/>
                </a:lnTo>
                <a:lnTo>
                  <a:pt x="1494745" y="2549547"/>
                </a:lnTo>
                <a:lnTo>
                  <a:pt x="1143103" y="2291683"/>
                </a:lnTo>
                <a:close/>
                <a:moveTo>
                  <a:pt x="558110" y="1936715"/>
                </a:moveTo>
                <a:lnTo>
                  <a:pt x="1046321" y="2291683"/>
                </a:lnTo>
                <a:lnTo>
                  <a:pt x="691454" y="2549547"/>
                </a:lnTo>
                <a:lnTo>
                  <a:pt x="558110" y="2451365"/>
                </a:lnTo>
                <a:close/>
                <a:moveTo>
                  <a:pt x="511870" y="1936715"/>
                </a:moveTo>
                <a:lnTo>
                  <a:pt x="511870" y="2451365"/>
                </a:lnTo>
                <a:lnTo>
                  <a:pt x="378526" y="2549547"/>
                </a:lnTo>
                <a:lnTo>
                  <a:pt x="24734" y="2291683"/>
                </a:lnTo>
                <a:close/>
                <a:moveTo>
                  <a:pt x="2745382" y="1363552"/>
                </a:moveTo>
                <a:lnTo>
                  <a:pt x="2745382" y="1880359"/>
                </a:lnTo>
                <a:lnTo>
                  <a:pt x="2235664" y="2252589"/>
                </a:lnTo>
                <a:lnTo>
                  <a:pt x="2235664" y="1735782"/>
                </a:lnTo>
                <a:close/>
                <a:moveTo>
                  <a:pt x="1674329" y="1363551"/>
                </a:moveTo>
                <a:lnTo>
                  <a:pt x="2186198" y="1735782"/>
                </a:lnTo>
                <a:lnTo>
                  <a:pt x="2186198" y="2252589"/>
                </a:lnTo>
                <a:lnTo>
                  <a:pt x="1674329" y="1880358"/>
                </a:lnTo>
                <a:close/>
                <a:moveTo>
                  <a:pt x="1628088" y="1363551"/>
                </a:moveTo>
                <a:lnTo>
                  <a:pt x="1628088" y="1880358"/>
                </a:lnTo>
                <a:lnTo>
                  <a:pt x="1116219" y="2252589"/>
                </a:lnTo>
                <a:lnTo>
                  <a:pt x="1116219" y="1735782"/>
                </a:lnTo>
                <a:close/>
                <a:moveTo>
                  <a:pt x="558110" y="1363551"/>
                </a:moveTo>
                <a:lnTo>
                  <a:pt x="1069979" y="1735782"/>
                </a:lnTo>
                <a:lnTo>
                  <a:pt x="1069979" y="2252589"/>
                </a:lnTo>
                <a:lnTo>
                  <a:pt x="558110" y="1880358"/>
                </a:lnTo>
                <a:close/>
                <a:moveTo>
                  <a:pt x="2235664" y="967819"/>
                </a:moveTo>
                <a:lnTo>
                  <a:pt x="2720650" y="1321708"/>
                </a:lnTo>
                <a:lnTo>
                  <a:pt x="2366858" y="1579572"/>
                </a:lnTo>
                <a:lnTo>
                  <a:pt x="2235664" y="1482468"/>
                </a:lnTo>
                <a:close/>
                <a:moveTo>
                  <a:pt x="2186198" y="967819"/>
                </a:moveTo>
                <a:lnTo>
                  <a:pt x="2186198" y="1482469"/>
                </a:lnTo>
                <a:lnTo>
                  <a:pt x="2052854" y="1579572"/>
                </a:lnTo>
                <a:lnTo>
                  <a:pt x="1701212" y="1321708"/>
                </a:lnTo>
                <a:close/>
                <a:moveTo>
                  <a:pt x="1116219" y="967819"/>
                </a:moveTo>
                <a:lnTo>
                  <a:pt x="1604430" y="1321708"/>
                </a:lnTo>
                <a:lnTo>
                  <a:pt x="1249563" y="1579572"/>
                </a:lnTo>
                <a:lnTo>
                  <a:pt x="1116219" y="1482469"/>
                </a:lnTo>
                <a:close/>
                <a:moveTo>
                  <a:pt x="1069979" y="967819"/>
                </a:moveTo>
                <a:lnTo>
                  <a:pt x="1069979" y="1482469"/>
                </a:lnTo>
                <a:lnTo>
                  <a:pt x="936635" y="1579572"/>
                </a:lnTo>
                <a:lnTo>
                  <a:pt x="582843" y="1321708"/>
                </a:lnTo>
                <a:close/>
                <a:moveTo>
                  <a:pt x="2231363" y="395731"/>
                </a:moveTo>
                <a:lnTo>
                  <a:pt x="2743232" y="769041"/>
                </a:lnTo>
                <a:lnTo>
                  <a:pt x="2743232" y="1285848"/>
                </a:lnTo>
                <a:lnTo>
                  <a:pt x="2231363" y="912538"/>
                </a:lnTo>
                <a:close/>
                <a:moveTo>
                  <a:pt x="2743232" y="0"/>
                </a:moveTo>
                <a:lnTo>
                  <a:pt x="2743232" y="514649"/>
                </a:lnTo>
                <a:lnTo>
                  <a:pt x="2608813" y="611753"/>
                </a:lnTo>
                <a:lnTo>
                  <a:pt x="2255021" y="354968"/>
                </a:lnTo>
                <a:close/>
              </a:path>
            </a:pathLst>
          </a:custGeom>
        </p:spPr>
        <p:txBody>
          <a:bodyPr wrap="square" anchor="ctr">
            <a:noAutofit/>
          </a:bodyPr>
          <a:lstStyle>
            <a:lvl1pPr marL="0" marR="0" indent="0" algn="l" defTabSz="914377" rtl="0" eaLnBrk="1" fontAlgn="auto" latinLnBrk="0" hangingPunct="1">
              <a:lnSpc>
                <a:spcPct val="100000"/>
              </a:lnSpc>
              <a:spcBef>
                <a:spcPts val="1600"/>
              </a:spcBef>
              <a:spcAft>
                <a:spcPts val="0"/>
              </a:spcAft>
              <a:buClrTx/>
              <a:buSzTx/>
              <a:buFontTx/>
              <a:buNone/>
              <a:tabLst/>
              <a:defRPr baseline="0"/>
            </a:lvl1pPr>
          </a:lstStyle>
          <a:p>
            <a:pPr marL="0" marR="0" lvl="0" indent="0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Click on the centre icon to insert picture</a:t>
            </a:r>
            <a:br>
              <a:rPr lang="en-GB" dirty="0"/>
            </a:br>
            <a:r>
              <a:rPr lang="en-GB" dirty="0"/>
              <a:t>Use the crop tool to reposition your image</a:t>
            </a:r>
          </a:p>
          <a:p>
            <a:endParaRPr lang="en-GB" dirty="0"/>
          </a:p>
        </p:txBody>
      </p:sp>
      <p:sp>
        <p:nvSpPr>
          <p:cNvPr id="10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11" name="Straight Connector 10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56413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I Title, Text, and Content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AE42ACCF-8CAF-4376-9D2C-B01FE328CA02}" type="slidenum">
              <a:rPr lang="en-GB" smtClean="0"/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GB" dirty="0"/>
          </a:p>
        </p:txBody>
      </p:sp>
      <p:sp>
        <p:nvSpPr>
          <p:cNvPr id="6" name="Content Placeholder 3"/>
          <p:cNvSpPr>
            <a:spLocks noGrp="1"/>
          </p:cNvSpPr>
          <p:nvPr>
            <p:ph sz="half" idx="2"/>
          </p:nvPr>
        </p:nvSpPr>
        <p:spPr>
          <a:xfrm>
            <a:off x="4648199" y="1196974"/>
            <a:ext cx="4101164" cy="4824415"/>
          </a:xfrm>
        </p:spPr>
        <p:txBody>
          <a:bodyPr/>
          <a:lstStyle>
            <a:lvl1pPr marL="228594" indent="-228594" algn="l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8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rgbClr val="0058A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Picture Placeholder 122"/>
          <p:cNvSpPr>
            <a:spLocks noGrp="1"/>
          </p:cNvSpPr>
          <p:nvPr>
            <p:ph type="pic" sz="quarter" idx="13" hasCustomPrompt="1"/>
          </p:nvPr>
        </p:nvSpPr>
        <p:spPr>
          <a:xfrm>
            <a:off x="71720" y="1718195"/>
            <a:ext cx="3656320" cy="5125461"/>
          </a:xfrm>
          <a:custGeom>
            <a:avLst/>
            <a:gdLst>
              <a:gd name="connsiteX0" fmla="*/ 1070667 w 2742240"/>
              <a:gd name="connsiteY0" fmla="*/ 3317254 h 3844096"/>
              <a:gd name="connsiteX1" fmla="*/ 1070667 w 2742240"/>
              <a:gd name="connsiteY1" fmla="*/ 3833176 h 3844096"/>
              <a:gd name="connsiteX2" fmla="*/ 1055799 w 2742240"/>
              <a:gd name="connsiteY2" fmla="*/ 3844096 h 3844096"/>
              <a:gd name="connsiteX3" fmla="*/ 561133 w 2742240"/>
              <a:gd name="connsiteY3" fmla="*/ 3844096 h 3844096"/>
              <a:gd name="connsiteX4" fmla="*/ 561133 w 2742240"/>
              <a:gd name="connsiteY4" fmla="*/ 3691487 h 3844096"/>
              <a:gd name="connsiteX5" fmla="*/ 0 w 2742240"/>
              <a:gd name="connsiteY5" fmla="*/ 3317254 h 3844096"/>
              <a:gd name="connsiteX6" fmla="*/ 511684 w 2742240"/>
              <a:gd name="connsiteY6" fmla="*/ 3691487 h 3844096"/>
              <a:gd name="connsiteX7" fmla="*/ 511684 w 2742240"/>
              <a:gd name="connsiteY7" fmla="*/ 3844096 h 3844096"/>
              <a:gd name="connsiteX8" fmla="*/ 14931 w 2742240"/>
              <a:gd name="connsiteY8" fmla="*/ 3844096 h 3844096"/>
              <a:gd name="connsiteX9" fmla="*/ 0 w 2742240"/>
              <a:gd name="connsiteY9" fmla="*/ 3833176 h 3844096"/>
              <a:gd name="connsiteX10" fmla="*/ 561133 w 2742240"/>
              <a:gd name="connsiteY10" fmla="*/ 2917064 h 3844096"/>
              <a:gd name="connsiteX11" fmla="*/ 1045943 w 2742240"/>
              <a:gd name="connsiteY11" fmla="*/ 3275072 h 3844096"/>
              <a:gd name="connsiteX12" fmla="*/ 692279 w 2742240"/>
              <a:gd name="connsiteY12" fmla="*/ 3532492 h 3844096"/>
              <a:gd name="connsiteX13" fmla="*/ 561133 w 2742240"/>
              <a:gd name="connsiteY13" fmla="*/ 3435149 h 3844096"/>
              <a:gd name="connsiteX14" fmla="*/ 511684 w 2742240"/>
              <a:gd name="connsiteY14" fmla="*/ 2917064 h 3844096"/>
              <a:gd name="connsiteX15" fmla="*/ 511684 w 2742240"/>
              <a:gd name="connsiteY15" fmla="*/ 3435149 h 3844096"/>
              <a:gd name="connsiteX16" fmla="*/ 378388 w 2742240"/>
              <a:gd name="connsiteY16" fmla="*/ 3532492 h 3844096"/>
              <a:gd name="connsiteX17" fmla="*/ 26874 w 2742240"/>
              <a:gd name="connsiteY17" fmla="*/ 3275072 h 3844096"/>
              <a:gd name="connsiteX18" fmla="*/ 1626424 w 2742240"/>
              <a:gd name="connsiteY18" fmla="*/ 2345981 h 3844096"/>
              <a:gd name="connsiteX19" fmla="*/ 1626424 w 2742240"/>
              <a:gd name="connsiteY19" fmla="*/ 2864066 h 3844096"/>
              <a:gd name="connsiteX20" fmla="*/ 1114740 w 2742240"/>
              <a:gd name="connsiteY20" fmla="*/ 3238298 h 3844096"/>
              <a:gd name="connsiteX21" fmla="*/ 1114740 w 2742240"/>
              <a:gd name="connsiteY21" fmla="*/ 2720213 h 3844096"/>
              <a:gd name="connsiteX22" fmla="*/ 556833 w 2742240"/>
              <a:gd name="connsiteY22" fmla="*/ 2345981 h 3844096"/>
              <a:gd name="connsiteX23" fmla="*/ 1068517 w 2742240"/>
              <a:gd name="connsiteY23" fmla="*/ 2720213 h 3844096"/>
              <a:gd name="connsiteX24" fmla="*/ 1068517 w 2742240"/>
              <a:gd name="connsiteY24" fmla="*/ 3238298 h 3844096"/>
              <a:gd name="connsiteX25" fmla="*/ 556833 w 2742240"/>
              <a:gd name="connsiteY25" fmla="*/ 2864066 h 3844096"/>
              <a:gd name="connsiteX26" fmla="*/ 511684 w 2742240"/>
              <a:gd name="connsiteY26" fmla="*/ 2345981 h 3844096"/>
              <a:gd name="connsiteX27" fmla="*/ 511684 w 2742240"/>
              <a:gd name="connsiteY27" fmla="*/ 2864066 h 3844096"/>
              <a:gd name="connsiteX28" fmla="*/ 2150 w 2742240"/>
              <a:gd name="connsiteY28" fmla="*/ 3238298 h 3844096"/>
              <a:gd name="connsiteX29" fmla="*/ 2150 w 2742240"/>
              <a:gd name="connsiteY29" fmla="*/ 2720213 h 3844096"/>
              <a:gd name="connsiteX30" fmla="*/ 1114740 w 2742240"/>
              <a:gd name="connsiteY30" fmla="*/ 1947954 h 3844096"/>
              <a:gd name="connsiteX31" fmla="*/ 1601700 w 2742240"/>
              <a:gd name="connsiteY31" fmla="*/ 2303799 h 3844096"/>
              <a:gd name="connsiteX32" fmla="*/ 1248036 w 2742240"/>
              <a:gd name="connsiteY32" fmla="*/ 2562301 h 3844096"/>
              <a:gd name="connsiteX33" fmla="*/ 1114740 w 2742240"/>
              <a:gd name="connsiteY33" fmla="*/ 2463876 h 3844096"/>
              <a:gd name="connsiteX34" fmla="*/ 1068517 w 2742240"/>
              <a:gd name="connsiteY34" fmla="*/ 1947954 h 3844096"/>
              <a:gd name="connsiteX35" fmla="*/ 1068517 w 2742240"/>
              <a:gd name="connsiteY35" fmla="*/ 2463876 h 3844096"/>
              <a:gd name="connsiteX36" fmla="*/ 934146 w 2742240"/>
              <a:gd name="connsiteY36" fmla="*/ 2562301 h 3844096"/>
              <a:gd name="connsiteX37" fmla="*/ 580482 w 2742240"/>
              <a:gd name="connsiteY37" fmla="*/ 2303799 h 3844096"/>
              <a:gd name="connsiteX38" fmla="*/ 2150 w 2742240"/>
              <a:gd name="connsiteY38" fmla="*/ 1947954 h 3844096"/>
              <a:gd name="connsiteX39" fmla="*/ 488035 w 2742240"/>
              <a:gd name="connsiteY39" fmla="*/ 2303799 h 3844096"/>
              <a:gd name="connsiteX40" fmla="*/ 134371 w 2742240"/>
              <a:gd name="connsiteY40" fmla="*/ 2562301 h 3844096"/>
              <a:gd name="connsiteX41" fmla="*/ 2150 w 2742240"/>
              <a:gd name="connsiteY41" fmla="*/ 2463876 h 3844096"/>
              <a:gd name="connsiteX42" fmla="*/ 0 w 2742240"/>
              <a:gd name="connsiteY42" fmla="*/ 1371464 h 3844096"/>
              <a:gd name="connsiteX43" fmla="*/ 511684 w 2742240"/>
              <a:gd name="connsiteY43" fmla="*/ 1744614 h 3844096"/>
              <a:gd name="connsiteX44" fmla="*/ 511684 w 2742240"/>
              <a:gd name="connsiteY44" fmla="*/ 2262698 h 3844096"/>
              <a:gd name="connsiteX45" fmla="*/ 0 w 2742240"/>
              <a:gd name="connsiteY45" fmla="*/ 1889548 h 3844096"/>
              <a:gd name="connsiteX46" fmla="*/ 2184332 w 2742240"/>
              <a:gd name="connsiteY46" fmla="*/ 1371463 h 3844096"/>
              <a:gd name="connsiteX47" fmla="*/ 2184332 w 2742240"/>
              <a:gd name="connsiteY47" fmla="*/ 1889548 h 3844096"/>
              <a:gd name="connsiteX48" fmla="*/ 1672648 w 2742240"/>
              <a:gd name="connsiteY48" fmla="*/ 2262698 h 3844096"/>
              <a:gd name="connsiteX49" fmla="*/ 1672648 w 2742240"/>
              <a:gd name="connsiteY49" fmla="*/ 1744614 h 3844096"/>
              <a:gd name="connsiteX50" fmla="*/ 1114740 w 2742240"/>
              <a:gd name="connsiteY50" fmla="*/ 1371463 h 3844096"/>
              <a:gd name="connsiteX51" fmla="*/ 1626424 w 2742240"/>
              <a:gd name="connsiteY51" fmla="*/ 1744614 h 3844096"/>
              <a:gd name="connsiteX52" fmla="*/ 1626424 w 2742240"/>
              <a:gd name="connsiteY52" fmla="*/ 2262698 h 3844096"/>
              <a:gd name="connsiteX53" fmla="*/ 1114740 w 2742240"/>
              <a:gd name="connsiteY53" fmla="*/ 1889548 h 3844096"/>
              <a:gd name="connsiteX54" fmla="*/ 1070667 w 2742240"/>
              <a:gd name="connsiteY54" fmla="*/ 1371463 h 3844096"/>
              <a:gd name="connsiteX55" fmla="*/ 1070667 w 2742240"/>
              <a:gd name="connsiteY55" fmla="*/ 1889548 h 3844096"/>
              <a:gd name="connsiteX56" fmla="*/ 561133 w 2742240"/>
              <a:gd name="connsiteY56" fmla="*/ 2262698 h 3844096"/>
              <a:gd name="connsiteX57" fmla="*/ 561133 w 2742240"/>
              <a:gd name="connsiteY57" fmla="*/ 1744614 h 3844096"/>
              <a:gd name="connsiteX58" fmla="*/ 1672648 w 2742240"/>
              <a:gd name="connsiteY58" fmla="*/ 973436 h 3844096"/>
              <a:gd name="connsiteX59" fmla="*/ 2159608 w 2742240"/>
              <a:gd name="connsiteY59" fmla="*/ 1328200 h 3844096"/>
              <a:gd name="connsiteX60" fmla="*/ 1805944 w 2742240"/>
              <a:gd name="connsiteY60" fmla="*/ 1586700 h 3844096"/>
              <a:gd name="connsiteX61" fmla="*/ 1672648 w 2742240"/>
              <a:gd name="connsiteY61" fmla="*/ 1489357 h 3844096"/>
              <a:gd name="connsiteX62" fmla="*/ 1626425 w 2742240"/>
              <a:gd name="connsiteY62" fmla="*/ 973435 h 3844096"/>
              <a:gd name="connsiteX63" fmla="*/ 1626425 w 2742240"/>
              <a:gd name="connsiteY63" fmla="*/ 1489357 h 3844096"/>
              <a:gd name="connsiteX64" fmla="*/ 1493129 w 2742240"/>
              <a:gd name="connsiteY64" fmla="*/ 1586700 h 3844096"/>
              <a:gd name="connsiteX65" fmla="*/ 1138390 w 2742240"/>
              <a:gd name="connsiteY65" fmla="*/ 1328199 h 3844096"/>
              <a:gd name="connsiteX66" fmla="*/ 561133 w 2742240"/>
              <a:gd name="connsiteY66" fmla="*/ 973435 h 3844096"/>
              <a:gd name="connsiteX67" fmla="*/ 1045943 w 2742240"/>
              <a:gd name="connsiteY67" fmla="*/ 1328199 h 3844096"/>
              <a:gd name="connsiteX68" fmla="*/ 692279 w 2742240"/>
              <a:gd name="connsiteY68" fmla="*/ 1586700 h 3844096"/>
              <a:gd name="connsiteX69" fmla="*/ 561133 w 2742240"/>
              <a:gd name="connsiteY69" fmla="*/ 1489357 h 3844096"/>
              <a:gd name="connsiteX70" fmla="*/ 511684 w 2742240"/>
              <a:gd name="connsiteY70" fmla="*/ 973435 h 3844096"/>
              <a:gd name="connsiteX71" fmla="*/ 511684 w 2742240"/>
              <a:gd name="connsiteY71" fmla="*/ 1489357 h 3844096"/>
              <a:gd name="connsiteX72" fmla="*/ 378388 w 2742240"/>
              <a:gd name="connsiteY72" fmla="*/ 1586700 h 3844096"/>
              <a:gd name="connsiteX73" fmla="*/ 26874 w 2742240"/>
              <a:gd name="connsiteY73" fmla="*/ 1328199 h 3844096"/>
              <a:gd name="connsiteX74" fmla="*/ 2742240 w 2742240"/>
              <a:gd name="connsiteY74" fmla="*/ 398027 h 3844096"/>
              <a:gd name="connsiteX75" fmla="*/ 2742240 w 2742240"/>
              <a:gd name="connsiteY75" fmla="*/ 916111 h 3844096"/>
              <a:gd name="connsiteX76" fmla="*/ 2232706 w 2742240"/>
              <a:gd name="connsiteY76" fmla="*/ 1290344 h 3844096"/>
              <a:gd name="connsiteX77" fmla="*/ 2232706 w 2742240"/>
              <a:gd name="connsiteY77" fmla="*/ 772259 h 3844096"/>
              <a:gd name="connsiteX78" fmla="*/ 1672648 w 2742240"/>
              <a:gd name="connsiteY78" fmla="*/ 398027 h 3844096"/>
              <a:gd name="connsiteX79" fmla="*/ 2184332 w 2742240"/>
              <a:gd name="connsiteY79" fmla="*/ 772259 h 3844096"/>
              <a:gd name="connsiteX80" fmla="*/ 2184332 w 2742240"/>
              <a:gd name="connsiteY80" fmla="*/ 1290344 h 3844096"/>
              <a:gd name="connsiteX81" fmla="*/ 1672648 w 2742240"/>
              <a:gd name="connsiteY81" fmla="*/ 916111 h 3844096"/>
              <a:gd name="connsiteX82" fmla="*/ 1626424 w 2742240"/>
              <a:gd name="connsiteY82" fmla="*/ 398027 h 3844096"/>
              <a:gd name="connsiteX83" fmla="*/ 1626424 w 2742240"/>
              <a:gd name="connsiteY83" fmla="*/ 916111 h 3844096"/>
              <a:gd name="connsiteX84" fmla="*/ 1114740 w 2742240"/>
              <a:gd name="connsiteY84" fmla="*/ 1290344 h 3844096"/>
              <a:gd name="connsiteX85" fmla="*/ 1114740 w 2742240"/>
              <a:gd name="connsiteY85" fmla="*/ 772259 h 3844096"/>
              <a:gd name="connsiteX86" fmla="*/ 556833 w 2742240"/>
              <a:gd name="connsiteY86" fmla="*/ 398027 h 3844096"/>
              <a:gd name="connsiteX87" fmla="*/ 1068517 w 2742240"/>
              <a:gd name="connsiteY87" fmla="*/ 772259 h 3844096"/>
              <a:gd name="connsiteX88" fmla="*/ 1068517 w 2742240"/>
              <a:gd name="connsiteY88" fmla="*/ 1290344 h 3844096"/>
              <a:gd name="connsiteX89" fmla="*/ 556833 w 2742240"/>
              <a:gd name="connsiteY89" fmla="*/ 916111 h 3844096"/>
              <a:gd name="connsiteX90" fmla="*/ 2232706 w 2742240"/>
              <a:gd name="connsiteY90" fmla="*/ 0 h 3844096"/>
              <a:gd name="connsiteX91" fmla="*/ 2717516 w 2742240"/>
              <a:gd name="connsiteY91" fmla="*/ 355845 h 3844096"/>
              <a:gd name="connsiteX92" fmla="*/ 2366002 w 2742240"/>
              <a:gd name="connsiteY92" fmla="*/ 613265 h 3844096"/>
              <a:gd name="connsiteX93" fmla="*/ 2232706 w 2742240"/>
              <a:gd name="connsiteY93" fmla="*/ 515921 h 3844096"/>
              <a:gd name="connsiteX94" fmla="*/ 2184333 w 2742240"/>
              <a:gd name="connsiteY94" fmla="*/ 0 h 3844096"/>
              <a:gd name="connsiteX95" fmla="*/ 2184333 w 2742240"/>
              <a:gd name="connsiteY95" fmla="*/ 515921 h 3844096"/>
              <a:gd name="connsiteX96" fmla="*/ 2051037 w 2742240"/>
              <a:gd name="connsiteY96" fmla="*/ 613265 h 3844096"/>
              <a:gd name="connsiteX97" fmla="*/ 1698448 w 2742240"/>
              <a:gd name="connsiteY97" fmla="*/ 355845 h 3844096"/>
              <a:gd name="connsiteX98" fmla="*/ 1114740 w 2742240"/>
              <a:gd name="connsiteY98" fmla="*/ 0 h 3844096"/>
              <a:gd name="connsiteX99" fmla="*/ 1601700 w 2742240"/>
              <a:gd name="connsiteY99" fmla="*/ 355845 h 3844096"/>
              <a:gd name="connsiteX100" fmla="*/ 1248036 w 2742240"/>
              <a:gd name="connsiteY100" fmla="*/ 613265 h 3844096"/>
              <a:gd name="connsiteX101" fmla="*/ 1114740 w 2742240"/>
              <a:gd name="connsiteY101" fmla="*/ 515921 h 3844096"/>
              <a:gd name="connsiteX102" fmla="*/ 1068517 w 2742240"/>
              <a:gd name="connsiteY102" fmla="*/ 0 h 3844096"/>
              <a:gd name="connsiteX103" fmla="*/ 1068517 w 2742240"/>
              <a:gd name="connsiteY103" fmla="*/ 515921 h 3844096"/>
              <a:gd name="connsiteX104" fmla="*/ 934146 w 2742240"/>
              <a:gd name="connsiteY104" fmla="*/ 613265 h 3844096"/>
              <a:gd name="connsiteX105" fmla="*/ 580482 w 2742240"/>
              <a:gd name="connsiteY105" fmla="*/ 355845 h 38440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</a:cxnLst>
            <a:rect l="l" t="t" r="r" b="b"/>
            <a:pathLst>
              <a:path w="2742240" h="3844096">
                <a:moveTo>
                  <a:pt x="1070667" y="3317254"/>
                </a:moveTo>
                <a:lnTo>
                  <a:pt x="1070667" y="3833176"/>
                </a:lnTo>
                <a:lnTo>
                  <a:pt x="1055799" y="3844096"/>
                </a:lnTo>
                <a:lnTo>
                  <a:pt x="561133" y="3844096"/>
                </a:lnTo>
                <a:lnTo>
                  <a:pt x="561133" y="3691487"/>
                </a:lnTo>
                <a:close/>
                <a:moveTo>
                  <a:pt x="0" y="3317254"/>
                </a:moveTo>
                <a:lnTo>
                  <a:pt x="511684" y="3691487"/>
                </a:lnTo>
                <a:lnTo>
                  <a:pt x="511684" y="3844096"/>
                </a:lnTo>
                <a:lnTo>
                  <a:pt x="14931" y="3844096"/>
                </a:lnTo>
                <a:lnTo>
                  <a:pt x="0" y="3833176"/>
                </a:lnTo>
                <a:close/>
                <a:moveTo>
                  <a:pt x="561133" y="2917064"/>
                </a:moveTo>
                <a:lnTo>
                  <a:pt x="1045943" y="3275072"/>
                </a:lnTo>
                <a:lnTo>
                  <a:pt x="692279" y="3532492"/>
                </a:lnTo>
                <a:lnTo>
                  <a:pt x="561133" y="3435149"/>
                </a:lnTo>
                <a:close/>
                <a:moveTo>
                  <a:pt x="511684" y="2917064"/>
                </a:moveTo>
                <a:lnTo>
                  <a:pt x="511684" y="3435149"/>
                </a:lnTo>
                <a:lnTo>
                  <a:pt x="378388" y="3532492"/>
                </a:lnTo>
                <a:lnTo>
                  <a:pt x="26874" y="3275072"/>
                </a:lnTo>
                <a:close/>
                <a:moveTo>
                  <a:pt x="1626424" y="2345981"/>
                </a:moveTo>
                <a:lnTo>
                  <a:pt x="1626424" y="2864066"/>
                </a:lnTo>
                <a:lnTo>
                  <a:pt x="1114740" y="3238298"/>
                </a:lnTo>
                <a:lnTo>
                  <a:pt x="1114740" y="2720213"/>
                </a:lnTo>
                <a:close/>
                <a:moveTo>
                  <a:pt x="556833" y="2345981"/>
                </a:moveTo>
                <a:lnTo>
                  <a:pt x="1068517" y="2720213"/>
                </a:lnTo>
                <a:lnTo>
                  <a:pt x="1068517" y="3238298"/>
                </a:lnTo>
                <a:lnTo>
                  <a:pt x="556833" y="2864066"/>
                </a:lnTo>
                <a:close/>
                <a:moveTo>
                  <a:pt x="511684" y="2345981"/>
                </a:moveTo>
                <a:lnTo>
                  <a:pt x="511684" y="2864066"/>
                </a:lnTo>
                <a:lnTo>
                  <a:pt x="2150" y="3238298"/>
                </a:lnTo>
                <a:lnTo>
                  <a:pt x="2150" y="2720213"/>
                </a:lnTo>
                <a:close/>
                <a:moveTo>
                  <a:pt x="1114740" y="1947954"/>
                </a:moveTo>
                <a:lnTo>
                  <a:pt x="1601700" y="2303799"/>
                </a:lnTo>
                <a:lnTo>
                  <a:pt x="1248036" y="2562301"/>
                </a:lnTo>
                <a:lnTo>
                  <a:pt x="1114740" y="2463876"/>
                </a:lnTo>
                <a:close/>
                <a:moveTo>
                  <a:pt x="1068517" y="1947954"/>
                </a:moveTo>
                <a:lnTo>
                  <a:pt x="1068517" y="2463876"/>
                </a:lnTo>
                <a:lnTo>
                  <a:pt x="934146" y="2562301"/>
                </a:lnTo>
                <a:lnTo>
                  <a:pt x="580482" y="2303799"/>
                </a:lnTo>
                <a:close/>
                <a:moveTo>
                  <a:pt x="2150" y="1947954"/>
                </a:moveTo>
                <a:lnTo>
                  <a:pt x="488035" y="2303799"/>
                </a:lnTo>
                <a:lnTo>
                  <a:pt x="134371" y="2562301"/>
                </a:lnTo>
                <a:lnTo>
                  <a:pt x="2150" y="2463876"/>
                </a:lnTo>
                <a:close/>
                <a:moveTo>
                  <a:pt x="0" y="1371464"/>
                </a:moveTo>
                <a:lnTo>
                  <a:pt x="511684" y="1744614"/>
                </a:lnTo>
                <a:lnTo>
                  <a:pt x="511684" y="2262698"/>
                </a:lnTo>
                <a:lnTo>
                  <a:pt x="0" y="1889548"/>
                </a:lnTo>
                <a:close/>
                <a:moveTo>
                  <a:pt x="2184332" y="1371463"/>
                </a:moveTo>
                <a:lnTo>
                  <a:pt x="2184332" y="1889548"/>
                </a:lnTo>
                <a:lnTo>
                  <a:pt x="1672648" y="2262698"/>
                </a:lnTo>
                <a:lnTo>
                  <a:pt x="1672648" y="1744614"/>
                </a:lnTo>
                <a:close/>
                <a:moveTo>
                  <a:pt x="1114740" y="1371463"/>
                </a:moveTo>
                <a:lnTo>
                  <a:pt x="1626424" y="1744614"/>
                </a:lnTo>
                <a:lnTo>
                  <a:pt x="1626424" y="2262698"/>
                </a:lnTo>
                <a:lnTo>
                  <a:pt x="1114740" y="1889548"/>
                </a:lnTo>
                <a:close/>
                <a:moveTo>
                  <a:pt x="1070667" y="1371463"/>
                </a:moveTo>
                <a:lnTo>
                  <a:pt x="1070667" y="1889548"/>
                </a:lnTo>
                <a:lnTo>
                  <a:pt x="561133" y="2262698"/>
                </a:lnTo>
                <a:lnTo>
                  <a:pt x="561133" y="1744614"/>
                </a:lnTo>
                <a:close/>
                <a:moveTo>
                  <a:pt x="1672648" y="973436"/>
                </a:moveTo>
                <a:lnTo>
                  <a:pt x="2159608" y="1328200"/>
                </a:lnTo>
                <a:lnTo>
                  <a:pt x="1805944" y="1586700"/>
                </a:lnTo>
                <a:lnTo>
                  <a:pt x="1672648" y="1489357"/>
                </a:lnTo>
                <a:close/>
                <a:moveTo>
                  <a:pt x="1626425" y="973435"/>
                </a:moveTo>
                <a:lnTo>
                  <a:pt x="1626425" y="1489357"/>
                </a:lnTo>
                <a:lnTo>
                  <a:pt x="1493129" y="1586700"/>
                </a:lnTo>
                <a:lnTo>
                  <a:pt x="1138390" y="1328199"/>
                </a:lnTo>
                <a:close/>
                <a:moveTo>
                  <a:pt x="561133" y="973435"/>
                </a:moveTo>
                <a:lnTo>
                  <a:pt x="1045943" y="1328199"/>
                </a:lnTo>
                <a:lnTo>
                  <a:pt x="692279" y="1586700"/>
                </a:lnTo>
                <a:lnTo>
                  <a:pt x="561133" y="1489357"/>
                </a:lnTo>
                <a:close/>
                <a:moveTo>
                  <a:pt x="511684" y="973435"/>
                </a:moveTo>
                <a:lnTo>
                  <a:pt x="511684" y="1489357"/>
                </a:lnTo>
                <a:lnTo>
                  <a:pt x="378388" y="1586700"/>
                </a:lnTo>
                <a:lnTo>
                  <a:pt x="26874" y="1328199"/>
                </a:lnTo>
                <a:close/>
                <a:moveTo>
                  <a:pt x="2742240" y="398027"/>
                </a:moveTo>
                <a:lnTo>
                  <a:pt x="2742240" y="916111"/>
                </a:lnTo>
                <a:lnTo>
                  <a:pt x="2232706" y="1290344"/>
                </a:lnTo>
                <a:lnTo>
                  <a:pt x="2232706" y="772259"/>
                </a:lnTo>
                <a:close/>
                <a:moveTo>
                  <a:pt x="1672648" y="398027"/>
                </a:moveTo>
                <a:lnTo>
                  <a:pt x="2184332" y="772259"/>
                </a:lnTo>
                <a:lnTo>
                  <a:pt x="2184332" y="1290344"/>
                </a:lnTo>
                <a:lnTo>
                  <a:pt x="1672648" y="916111"/>
                </a:lnTo>
                <a:close/>
                <a:moveTo>
                  <a:pt x="1626424" y="398027"/>
                </a:moveTo>
                <a:lnTo>
                  <a:pt x="1626424" y="916111"/>
                </a:lnTo>
                <a:lnTo>
                  <a:pt x="1114740" y="1290344"/>
                </a:lnTo>
                <a:lnTo>
                  <a:pt x="1114740" y="772259"/>
                </a:lnTo>
                <a:close/>
                <a:moveTo>
                  <a:pt x="556833" y="398027"/>
                </a:moveTo>
                <a:lnTo>
                  <a:pt x="1068517" y="772259"/>
                </a:lnTo>
                <a:lnTo>
                  <a:pt x="1068517" y="1290344"/>
                </a:lnTo>
                <a:lnTo>
                  <a:pt x="556833" y="916111"/>
                </a:lnTo>
                <a:close/>
                <a:moveTo>
                  <a:pt x="2232706" y="0"/>
                </a:moveTo>
                <a:lnTo>
                  <a:pt x="2717516" y="355845"/>
                </a:lnTo>
                <a:lnTo>
                  <a:pt x="2366002" y="613265"/>
                </a:lnTo>
                <a:lnTo>
                  <a:pt x="2232706" y="515921"/>
                </a:lnTo>
                <a:close/>
                <a:moveTo>
                  <a:pt x="2184333" y="0"/>
                </a:moveTo>
                <a:lnTo>
                  <a:pt x="2184333" y="515921"/>
                </a:lnTo>
                <a:lnTo>
                  <a:pt x="2051037" y="613265"/>
                </a:lnTo>
                <a:lnTo>
                  <a:pt x="1698448" y="355845"/>
                </a:lnTo>
                <a:close/>
                <a:moveTo>
                  <a:pt x="1114740" y="0"/>
                </a:moveTo>
                <a:lnTo>
                  <a:pt x="1601700" y="355845"/>
                </a:lnTo>
                <a:lnTo>
                  <a:pt x="1248036" y="613265"/>
                </a:lnTo>
                <a:lnTo>
                  <a:pt x="1114740" y="515921"/>
                </a:lnTo>
                <a:close/>
                <a:moveTo>
                  <a:pt x="1068517" y="0"/>
                </a:moveTo>
                <a:lnTo>
                  <a:pt x="1068517" y="515921"/>
                </a:lnTo>
                <a:lnTo>
                  <a:pt x="934146" y="613265"/>
                </a:lnTo>
                <a:lnTo>
                  <a:pt x="580482" y="35584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marL="0" marR="0" indent="0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on the centre icon to insert picture</a:t>
            </a:r>
            <a:br>
              <a:rPr lang="en-GB" dirty="0"/>
            </a:br>
            <a:r>
              <a:rPr lang="en-GB" dirty="0"/>
              <a:t>Use the crop tool to reposition your image</a:t>
            </a:r>
          </a:p>
          <a:p>
            <a:endParaRPr lang="en-GB" dirty="0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59746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I Title, Text, and Content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AE42ACCF-8CAF-4376-9D2C-B01FE328CA02}" type="slidenum">
              <a:rPr lang="en-GB" smtClean="0"/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GB" dirty="0"/>
          </a:p>
        </p:txBody>
      </p:sp>
      <p:sp>
        <p:nvSpPr>
          <p:cNvPr id="6" name="Content Placeholder 3"/>
          <p:cNvSpPr>
            <a:spLocks noGrp="1"/>
          </p:cNvSpPr>
          <p:nvPr>
            <p:ph sz="half" idx="2"/>
          </p:nvPr>
        </p:nvSpPr>
        <p:spPr>
          <a:xfrm>
            <a:off x="4648199" y="1196974"/>
            <a:ext cx="4101164" cy="4824415"/>
          </a:xfrm>
        </p:spPr>
        <p:txBody>
          <a:bodyPr/>
          <a:lstStyle>
            <a:lvl1pPr marL="228594" indent="-228594" algn="l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 algn="l">
              <a:buClr>
                <a:srgbClr val="7F7F7F"/>
              </a:buClr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8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rgbClr val="0058A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Picture Placeholder 122"/>
          <p:cNvSpPr>
            <a:spLocks noGrp="1"/>
          </p:cNvSpPr>
          <p:nvPr>
            <p:ph type="pic" sz="quarter" idx="13" hasCustomPrompt="1"/>
          </p:nvPr>
        </p:nvSpPr>
        <p:spPr>
          <a:xfrm>
            <a:off x="71720" y="1718195"/>
            <a:ext cx="3656320" cy="5125461"/>
          </a:xfrm>
          <a:custGeom>
            <a:avLst/>
            <a:gdLst>
              <a:gd name="connsiteX0" fmla="*/ 1070667 w 2742240"/>
              <a:gd name="connsiteY0" fmla="*/ 3317254 h 3844096"/>
              <a:gd name="connsiteX1" fmla="*/ 1070667 w 2742240"/>
              <a:gd name="connsiteY1" fmla="*/ 3833176 h 3844096"/>
              <a:gd name="connsiteX2" fmla="*/ 1055799 w 2742240"/>
              <a:gd name="connsiteY2" fmla="*/ 3844096 h 3844096"/>
              <a:gd name="connsiteX3" fmla="*/ 561133 w 2742240"/>
              <a:gd name="connsiteY3" fmla="*/ 3844096 h 3844096"/>
              <a:gd name="connsiteX4" fmla="*/ 561133 w 2742240"/>
              <a:gd name="connsiteY4" fmla="*/ 3691487 h 3844096"/>
              <a:gd name="connsiteX5" fmla="*/ 0 w 2742240"/>
              <a:gd name="connsiteY5" fmla="*/ 3317254 h 3844096"/>
              <a:gd name="connsiteX6" fmla="*/ 511684 w 2742240"/>
              <a:gd name="connsiteY6" fmla="*/ 3691487 h 3844096"/>
              <a:gd name="connsiteX7" fmla="*/ 511684 w 2742240"/>
              <a:gd name="connsiteY7" fmla="*/ 3844096 h 3844096"/>
              <a:gd name="connsiteX8" fmla="*/ 14931 w 2742240"/>
              <a:gd name="connsiteY8" fmla="*/ 3844096 h 3844096"/>
              <a:gd name="connsiteX9" fmla="*/ 0 w 2742240"/>
              <a:gd name="connsiteY9" fmla="*/ 3833176 h 3844096"/>
              <a:gd name="connsiteX10" fmla="*/ 561133 w 2742240"/>
              <a:gd name="connsiteY10" fmla="*/ 2917064 h 3844096"/>
              <a:gd name="connsiteX11" fmla="*/ 1045943 w 2742240"/>
              <a:gd name="connsiteY11" fmla="*/ 3275072 h 3844096"/>
              <a:gd name="connsiteX12" fmla="*/ 692279 w 2742240"/>
              <a:gd name="connsiteY12" fmla="*/ 3532492 h 3844096"/>
              <a:gd name="connsiteX13" fmla="*/ 561133 w 2742240"/>
              <a:gd name="connsiteY13" fmla="*/ 3435149 h 3844096"/>
              <a:gd name="connsiteX14" fmla="*/ 511684 w 2742240"/>
              <a:gd name="connsiteY14" fmla="*/ 2917064 h 3844096"/>
              <a:gd name="connsiteX15" fmla="*/ 511684 w 2742240"/>
              <a:gd name="connsiteY15" fmla="*/ 3435149 h 3844096"/>
              <a:gd name="connsiteX16" fmla="*/ 378388 w 2742240"/>
              <a:gd name="connsiteY16" fmla="*/ 3532492 h 3844096"/>
              <a:gd name="connsiteX17" fmla="*/ 26874 w 2742240"/>
              <a:gd name="connsiteY17" fmla="*/ 3275072 h 3844096"/>
              <a:gd name="connsiteX18" fmla="*/ 1626424 w 2742240"/>
              <a:gd name="connsiteY18" fmla="*/ 2345981 h 3844096"/>
              <a:gd name="connsiteX19" fmla="*/ 1626424 w 2742240"/>
              <a:gd name="connsiteY19" fmla="*/ 2864066 h 3844096"/>
              <a:gd name="connsiteX20" fmla="*/ 1114740 w 2742240"/>
              <a:gd name="connsiteY20" fmla="*/ 3238298 h 3844096"/>
              <a:gd name="connsiteX21" fmla="*/ 1114740 w 2742240"/>
              <a:gd name="connsiteY21" fmla="*/ 2720213 h 3844096"/>
              <a:gd name="connsiteX22" fmla="*/ 556833 w 2742240"/>
              <a:gd name="connsiteY22" fmla="*/ 2345981 h 3844096"/>
              <a:gd name="connsiteX23" fmla="*/ 1068517 w 2742240"/>
              <a:gd name="connsiteY23" fmla="*/ 2720213 h 3844096"/>
              <a:gd name="connsiteX24" fmla="*/ 1068517 w 2742240"/>
              <a:gd name="connsiteY24" fmla="*/ 3238298 h 3844096"/>
              <a:gd name="connsiteX25" fmla="*/ 556833 w 2742240"/>
              <a:gd name="connsiteY25" fmla="*/ 2864066 h 3844096"/>
              <a:gd name="connsiteX26" fmla="*/ 511684 w 2742240"/>
              <a:gd name="connsiteY26" fmla="*/ 2345981 h 3844096"/>
              <a:gd name="connsiteX27" fmla="*/ 511684 w 2742240"/>
              <a:gd name="connsiteY27" fmla="*/ 2864066 h 3844096"/>
              <a:gd name="connsiteX28" fmla="*/ 2150 w 2742240"/>
              <a:gd name="connsiteY28" fmla="*/ 3238298 h 3844096"/>
              <a:gd name="connsiteX29" fmla="*/ 2150 w 2742240"/>
              <a:gd name="connsiteY29" fmla="*/ 2720213 h 3844096"/>
              <a:gd name="connsiteX30" fmla="*/ 1114740 w 2742240"/>
              <a:gd name="connsiteY30" fmla="*/ 1947954 h 3844096"/>
              <a:gd name="connsiteX31" fmla="*/ 1601700 w 2742240"/>
              <a:gd name="connsiteY31" fmla="*/ 2303799 h 3844096"/>
              <a:gd name="connsiteX32" fmla="*/ 1248036 w 2742240"/>
              <a:gd name="connsiteY32" fmla="*/ 2562301 h 3844096"/>
              <a:gd name="connsiteX33" fmla="*/ 1114740 w 2742240"/>
              <a:gd name="connsiteY33" fmla="*/ 2463876 h 3844096"/>
              <a:gd name="connsiteX34" fmla="*/ 1068517 w 2742240"/>
              <a:gd name="connsiteY34" fmla="*/ 1947954 h 3844096"/>
              <a:gd name="connsiteX35" fmla="*/ 1068517 w 2742240"/>
              <a:gd name="connsiteY35" fmla="*/ 2463876 h 3844096"/>
              <a:gd name="connsiteX36" fmla="*/ 934146 w 2742240"/>
              <a:gd name="connsiteY36" fmla="*/ 2562301 h 3844096"/>
              <a:gd name="connsiteX37" fmla="*/ 580482 w 2742240"/>
              <a:gd name="connsiteY37" fmla="*/ 2303799 h 3844096"/>
              <a:gd name="connsiteX38" fmla="*/ 2150 w 2742240"/>
              <a:gd name="connsiteY38" fmla="*/ 1947954 h 3844096"/>
              <a:gd name="connsiteX39" fmla="*/ 488035 w 2742240"/>
              <a:gd name="connsiteY39" fmla="*/ 2303799 h 3844096"/>
              <a:gd name="connsiteX40" fmla="*/ 134371 w 2742240"/>
              <a:gd name="connsiteY40" fmla="*/ 2562301 h 3844096"/>
              <a:gd name="connsiteX41" fmla="*/ 2150 w 2742240"/>
              <a:gd name="connsiteY41" fmla="*/ 2463876 h 3844096"/>
              <a:gd name="connsiteX42" fmla="*/ 0 w 2742240"/>
              <a:gd name="connsiteY42" fmla="*/ 1371464 h 3844096"/>
              <a:gd name="connsiteX43" fmla="*/ 511684 w 2742240"/>
              <a:gd name="connsiteY43" fmla="*/ 1744614 h 3844096"/>
              <a:gd name="connsiteX44" fmla="*/ 511684 w 2742240"/>
              <a:gd name="connsiteY44" fmla="*/ 2262698 h 3844096"/>
              <a:gd name="connsiteX45" fmla="*/ 0 w 2742240"/>
              <a:gd name="connsiteY45" fmla="*/ 1889548 h 3844096"/>
              <a:gd name="connsiteX46" fmla="*/ 2184332 w 2742240"/>
              <a:gd name="connsiteY46" fmla="*/ 1371463 h 3844096"/>
              <a:gd name="connsiteX47" fmla="*/ 2184332 w 2742240"/>
              <a:gd name="connsiteY47" fmla="*/ 1889548 h 3844096"/>
              <a:gd name="connsiteX48" fmla="*/ 1672648 w 2742240"/>
              <a:gd name="connsiteY48" fmla="*/ 2262698 h 3844096"/>
              <a:gd name="connsiteX49" fmla="*/ 1672648 w 2742240"/>
              <a:gd name="connsiteY49" fmla="*/ 1744614 h 3844096"/>
              <a:gd name="connsiteX50" fmla="*/ 1114740 w 2742240"/>
              <a:gd name="connsiteY50" fmla="*/ 1371463 h 3844096"/>
              <a:gd name="connsiteX51" fmla="*/ 1626424 w 2742240"/>
              <a:gd name="connsiteY51" fmla="*/ 1744614 h 3844096"/>
              <a:gd name="connsiteX52" fmla="*/ 1626424 w 2742240"/>
              <a:gd name="connsiteY52" fmla="*/ 2262698 h 3844096"/>
              <a:gd name="connsiteX53" fmla="*/ 1114740 w 2742240"/>
              <a:gd name="connsiteY53" fmla="*/ 1889548 h 3844096"/>
              <a:gd name="connsiteX54" fmla="*/ 1070667 w 2742240"/>
              <a:gd name="connsiteY54" fmla="*/ 1371463 h 3844096"/>
              <a:gd name="connsiteX55" fmla="*/ 1070667 w 2742240"/>
              <a:gd name="connsiteY55" fmla="*/ 1889548 h 3844096"/>
              <a:gd name="connsiteX56" fmla="*/ 561133 w 2742240"/>
              <a:gd name="connsiteY56" fmla="*/ 2262698 h 3844096"/>
              <a:gd name="connsiteX57" fmla="*/ 561133 w 2742240"/>
              <a:gd name="connsiteY57" fmla="*/ 1744614 h 3844096"/>
              <a:gd name="connsiteX58" fmla="*/ 1672648 w 2742240"/>
              <a:gd name="connsiteY58" fmla="*/ 973436 h 3844096"/>
              <a:gd name="connsiteX59" fmla="*/ 2159608 w 2742240"/>
              <a:gd name="connsiteY59" fmla="*/ 1328200 h 3844096"/>
              <a:gd name="connsiteX60" fmla="*/ 1805944 w 2742240"/>
              <a:gd name="connsiteY60" fmla="*/ 1586700 h 3844096"/>
              <a:gd name="connsiteX61" fmla="*/ 1672648 w 2742240"/>
              <a:gd name="connsiteY61" fmla="*/ 1489357 h 3844096"/>
              <a:gd name="connsiteX62" fmla="*/ 1626425 w 2742240"/>
              <a:gd name="connsiteY62" fmla="*/ 973435 h 3844096"/>
              <a:gd name="connsiteX63" fmla="*/ 1626425 w 2742240"/>
              <a:gd name="connsiteY63" fmla="*/ 1489357 h 3844096"/>
              <a:gd name="connsiteX64" fmla="*/ 1493129 w 2742240"/>
              <a:gd name="connsiteY64" fmla="*/ 1586700 h 3844096"/>
              <a:gd name="connsiteX65" fmla="*/ 1138390 w 2742240"/>
              <a:gd name="connsiteY65" fmla="*/ 1328199 h 3844096"/>
              <a:gd name="connsiteX66" fmla="*/ 561133 w 2742240"/>
              <a:gd name="connsiteY66" fmla="*/ 973435 h 3844096"/>
              <a:gd name="connsiteX67" fmla="*/ 1045943 w 2742240"/>
              <a:gd name="connsiteY67" fmla="*/ 1328199 h 3844096"/>
              <a:gd name="connsiteX68" fmla="*/ 692279 w 2742240"/>
              <a:gd name="connsiteY68" fmla="*/ 1586700 h 3844096"/>
              <a:gd name="connsiteX69" fmla="*/ 561133 w 2742240"/>
              <a:gd name="connsiteY69" fmla="*/ 1489357 h 3844096"/>
              <a:gd name="connsiteX70" fmla="*/ 511684 w 2742240"/>
              <a:gd name="connsiteY70" fmla="*/ 973435 h 3844096"/>
              <a:gd name="connsiteX71" fmla="*/ 511684 w 2742240"/>
              <a:gd name="connsiteY71" fmla="*/ 1489357 h 3844096"/>
              <a:gd name="connsiteX72" fmla="*/ 378388 w 2742240"/>
              <a:gd name="connsiteY72" fmla="*/ 1586700 h 3844096"/>
              <a:gd name="connsiteX73" fmla="*/ 26874 w 2742240"/>
              <a:gd name="connsiteY73" fmla="*/ 1328199 h 3844096"/>
              <a:gd name="connsiteX74" fmla="*/ 2742240 w 2742240"/>
              <a:gd name="connsiteY74" fmla="*/ 398027 h 3844096"/>
              <a:gd name="connsiteX75" fmla="*/ 2742240 w 2742240"/>
              <a:gd name="connsiteY75" fmla="*/ 916111 h 3844096"/>
              <a:gd name="connsiteX76" fmla="*/ 2232706 w 2742240"/>
              <a:gd name="connsiteY76" fmla="*/ 1290344 h 3844096"/>
              <a:gd name="connsiteX77" fmla="*/ 2232706 w 2742240"/>
              <a:gd name="connsiteY77" fmla="*/ 772259 h 3844096"/>
              <a:gd name="connsiteX78" fmla="*/ 1672648 w 2742240"/>
              <a:gd name="connsiteY78" fmla="*/ 398027 h 3844096"/>
              <a:gd name="connsiteX79" fmla="*/ 2184332 w 2742240"/>
              <a:gd name="connsiteY79" fmla="*/ 772259 h 3844096"/>
              <a:gd name="connsiteX80" fmla="*/ 2184332 w 2742240"/>
              <a:gd name="connsiteY80" fmla="*/ 1290344 h 3844096"/>
              <a:gd name="connsiteX81" fmla="*/ 1672648 w 2742240"/>
              <a:gd name="connsiteY81" fmla="*/ 916111 h 3844096"/>
              <a:gd name="connsiteX82" fmla="*/ 1626424 w 2742240"/>
              <a:gd name="connsiteY82" fmla="*/ 398027 h 3844096"/>
              <a:gd name="connsiteX83" fmla="*/ 1626424 w 2742240"/>
              <a:gd name="connsiteY83" fmla="*/ 916111 h 3844096"/>
              <a:gd name="connsiteX84" fmla="*/ 1114740 w 2742240"/>
              <a:gd name="connsiteY84" fmla="*/ 1290344 h 3844096"/>
              <a:gd name="connsiteX85" fmla="*/ 1114740 w 2742240"/>
              <a:gd name="connsiteY85" fmla="*/ 772259 h 3844096"/>
              <a:gd name="connsiteX86" fmla="*/ 556833 w 2742240"/>
              <a:gd name="connsiteY86" fmla="*/ 398027 h 3844096"/>
              <a:gd name="connsiteX87" fmla="*/ 1068517 w 2742240"/>
              <a:gd name="connsiteY87" fmla="*/ 772259 h 3844096"/>
              <a:gd name="connsiteX88" fmla="*/ 1068517 w 2742240"/>
              <a:gd name="connsiteY88" fmla="*/ 1290344 h 3844096"/>
              <a:gd name="connsiteX89" fmla="*/ 556833 w 2742240"/>
              <a:gd name="connsiteY89" fmla="*/ 916111 h 3844096"/>
              <a:gd name="connsiteX90" fmla="*/ 2232706 w 2742240"/>
              <a:gd name="connsiteY90" fmla="*/ 0 h 3844096"/>
              <a:gd name="connsiteX91" fmla="*/ 2717516 w 2742240"/>
              <a:gd name="connsiteY91" fmla="*/ 355845 h 3844096"/>
              <a:gd name="connsiteX92" fmla="*/ 2366002 w 2742240"/>
              <a:gd name="connsiteY92" fmla="*/ 613265 h 3844096"/>
              <a:gd name="connsiteX93" fmla="*/ 2232706 w 2742240"/>
              <a:gd name="connsiteY93" fmla="*/ 515921 h 3844096"/>
              <a:gd name="connsiteX94" fmla="*/ 2184333 w 2742240"/>
              <a:gd name="connsiteY94" fmla="*/ 0 h 3844096"/>
              <a:gd name="connsiteX95" fmla="*/ 2184333 w 2742240"/>
              <a:gd name="connsiteY95" fmla="*/ 515921 h 3844096"/>
              <a:gd name="connsiteX96" fmla="*/ 2051037 w 2742240"/>
              <a:gd name="connsiteY96" fmla="*/ 613265 h 3844096"/>
              <a:gd name="connsiteX97" fmla="*/ 1698448 w 2742240"/>
              <a:gd name="connsiteY97" fmla="*/ 355845 h 3844096"/>
              <a:gd name="connsiteX98" fmla="*/ 1114740 w 2742240"/>
              <a:gd name="connsiteY98" fmla="*/ 0 h 3844096"/>
              <a:gd name="connsiteX99" fmla="*/ 1601700 w 2742240"/>
              <a:gd name="connsiteY99" fmla="*/ 355845 h 3844096"/>
              <a:gd name="connsiteX100" fmla="*/ 1248036 w 2742240"/>
              <a:gd name="connsiteY100" fmla="*/ 613265 h 3844096"/>
              <a:gd name="connsiteX101" fmla="*/ 1114740 w 2742240"/>
              <a:gd name="connsiteY101" fmla="*/ 515921 h 3844096"/>
              <a:gd name="connsiteX102" fmla="*/ 1068517 w 2742240"/>
              <a:gd name="connsiteY102" fmla="*/ 0 h 3844096"/>
              <a:gd name="connsiteX103" fmla="*/ 1068517 w 2742240"/>
              <a:gd name="connsiteY103" fmla="*/ 515921 h 3844096"/>
              <a:gd name="connsiteX104" fmla="*/ 934146 w 2742240"/>
              <a:gd name="connsiteY104" fmla="*/ 613265 h 3844096"/>
              <a:gd name="connsiteX105" fmla="*/ 580482 w 2742240"/>
              <a:gd name="connsiteY105" fmla="*/ 355845 h 38440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</a:cxnLst>
            <a:rect l="l" t="t" r="r" b="b"/>
            <a:pathLst>
              <a:path w="2742240" h="3844096">
                <a:moveTo>
                  <a:pt x="1070667" y="3317254"/>
                </a:moveTo>
                <a:lnTo>
                  <a:pt x="1070667" y="3833176"/>
                </a:lnTo>
                <a:lnTo>
                  <a:pt x="1055799" y="3844096"/>
                </a:lnTo>
                <a:lnTo>
                  <a:pt x="561133" y="3844096"/>
                </a:lnTo>
                <a:lnTo>
                  <a:pt x="561133" y="3691487"/>
                </a:lnTo>
                <a:close/>
                <a:moveTo>
                  <a:pt x="0" y="3317254"/>
                </a:moveTo>
                <a:lnTo>
                  <a:pt x="511684" y="3691487"/>
                </a:lnTo>
                <a:lnTo>
                  <a:pt x="511684" y="3844096"/>
                </a:lnTo>
                <a:lnTo>
                  <a:pt x="14931" y="3844096"/>
                </a:lnTo>
                <a:lnTo>
                  <a:pt x="0" y="3833176"/>
                </a:lnTo>
                <a:close/>
                <a:moveTo>
                  <a:pt x="561133" y="2917064"/>
                </a:moveTo>
                <a:lnTo>
                  <a:pt x="1045943" y="3275072"/>
                </a:lnTo>
                <a:lnTo>
                  <a:pt x="692279" y="3532492"/>
                </a:lnTo>
                <a:lnTo>
                  <a:pt x="561133" y="3435149"/>
                </a:lnTo>
                <a:close/>
                <a:moveTo>
                  <a:pt x="511684" y="2917064"/>
                </a:moveTo>
                <a:lnTo>
                  <a:pt x="511684" y="3435149"/>
                </a:lnTo>
                <a:lnTo>
                  <a:pt x="378388" y="3532492"/>
                </a:lnTo>
                <a:lnTo>
                  <a:pt x="26874" y="3275072"/>
                </a:lnTo>
                <a:close/>
                <a:moveTo>
                  <a:pt x="1626424" y="2345981"/>
                </a:moveTo>
                <a:lnTo>
                  <a:pt x="1626424" y="2864066"/>
                </a:lnTo>
                <a:lnTo>
                  <a:pt x="1114740" y="3238298"/>
                </a:lnTo>
                <a:lnTo>
                  <a:pt x="1114740" y="2720213"/>
                </a:lnTo>
                <a:close/>
                <a:moveTo>
                  <a:pt x="556833" y="2345981"/>
                </a:moveTo>
                <a:lnTo>
                  <a:pt x="1068517" y="2720213"/>
                </a:lnTo>
                <a:lnTo>
                  <a:pt x="1068517" y="3238298"/>
                </a:lnTo>
                <a:lnTo>
                  <a:pt x="556833" y="2864066"/>
                </a:lnTo>
                <a:close/>
                <a:moveTo>
                  <a:pt x="511684" y="2345981"/>
                </a:moveTo>
                <a:lnTo>
                  <a:pt x="511684" y="2864066"/>
                </a:lnTo>
                <a:lnTo>
                  <a:pt x="2150" y="3238298"/>
                </a:lnTo>
                <a:lnTo>
                  <a:pt x="2150" y="2720213"/>
                </a:lnTo>
                <a:close/>
                <a:moveTo>
                  <a:pt x="1114740" y="1947954"/>
                </a:moveTo>
                <a:lnTo>
                  <a:pt x="1601700" y="2303799"/>
                </a:lnTo>
                <a:lnTo>
                  <a:pt x="1248036" y="2562301"/>
                </a:lnTo>
                <a:lnTo>
                  <a:pt x="1114740" y="2463876"/>
                </a:lnTo>
                <a:close/>
                <a:moveTo>
                  <a:pt x="1068517" y="1947954"/>
                </a:moveTo>
                <a:lnTo>
                  <a:pt x="1068517" y="2463876"/>
                </a:lnTo>
                <a:lnTo>
                  <a:pt x="934146" y="2562301"/>
                </a:lnTo>
                <a:lnTo>
                  <a:pt x="580482" y="2303799"/>
                </a:lnTo>
                <a:close/>
                <a:moveTo>
                  <a:pt x="2150" y="1947954"/>
                </a:moveTo>
                <a:lnTo>
                  <a:pt x="488035" y="2303799"/>
                </a:lnTo>
                <a:lnTo>
                  <a:pt x="134371" y="2562301"/>
                </a:lnTo>
                <a:lnTo>
                  <a:pt x="2150" y="2463876"/>
                </a:lnTo>
                <a:close/>
                <a:moveTo>
                  <a:pt x="0" y="1371464"/>
                </a:moveTo>
                <a:lnTo>
                  <a:pt x="511684" y="1744614"/>
                </a:lnTo>
                <a:lnTo>
                  <a:pt x="511684" y="2262698"/>
                </a:lnTo>
                <a:lnTo>
                  <a:pt x="0" y="1889548"/>
                </a:lnTo>
                <a:close/>
                <a:moveTo>
                  <a:pt x="2184332" y="1371463"/>
                </a:moveTo>
                <a:lnTo>
                  <a:pt x="2184332" y="1889548"/>
                </a:lnTo>
                <a:lnTo>
                  <a:pt x="1672648" y="2262698"/>
                </a:lnTo>
                <a:lnTo>
                  <a:pt x="1672648" y="1744614"/>
                </a:lnTo>
                <a:close/>
                <a:moveTo>
                  <a:pt x="1114740" y="1371463"/>
                </a:moveTo>
                <a:lnTo>
                  <a:pt x="1626424" y="1744614"/>
                </a:lnTo>
                <a:lnTo>
                  <a:pt x="1626424" y="2262698"/>
                </a:lnTo>
                <a:lnTo>
                  <a:pt x="1114740" y="1889548"/>
                </a:lnTo>
                <a:close/>
                <a:moveTo>
                  <a:pt x="1070667" y="1371463"/>
                </a:moveTo>
                <a:lnTo>
                  <a:pt x="1070667" y="1889548"/>
                </a:lnTo>
                <a:lnTo>
                  <a:pt x="561133" y="2262698"/>
                </a:lnTo>
                <a:lnTo>
                  <a:pt x="561133" y="1744614"/>
                </a:lnTo>
                <a:close/>
                <a:moveTo>
                  <a:pt x="1672648" y="973436"/>
                </a:moveTo>
                <a:lnTo>
                  <a:pt x="2159608" y="1328200"/>
                </a:lnTo>
                <a:lnTo>
                  <a:pt x="1805944" y="1586700"/>
                </a:lnTo>
                <a:lnTo>
                  <a:pt x="1672648" y="1489357"/>
                </a:lnTo>
                <a:close/>
                <a:moveTo>
                  <a:pt x="1626425" y="973435"/>
                </a:moveTo>
                <a:lnTo>
                  <a:pt x="1626425" y="1489357"/>
                </a:lnTo>
                <a:lnTo>
                  <a:pt x="1493129" y="1586700"/>
                </a:lnTo>
                <a:lnTo>
                  <a:pt x="1138390" y="1328199"/>
                </a:lnTo>
                <a:close/>
                <a:moveTo>
                  <a:pt x="561133" y="973435"/>
                </a:moveTo>
                <a:lnTo>
                  <a:pt x="1045943" y="1328199"/>
                </a:lnTo>
                <a:lnTo>
                  <a:pt x="692279" y="1586700"/>
                </a:lnTo>
                <a:lnTo>
                  <a:pt x="561133" y="1489357"/>
                </a:lnTo>
                <a:close/>
                <a:moveTo>
                  <a:pt x="511684" y="973435"/>
                </a:moveTo>
                <a:lnTo>
                  <a:pt x="511684" y="1489357"/>
                </a:lnTo>
                <a:lnTo>
                  <a:pt x="378388" y="1586700"/>
                </a:lnTo>
                <a:lnTo>
                  <a:pt x="26874" y="1328199"/>
                </a:lnTo>
                <a:close/>
                <a:moveTo>
                  <a:pt x="2742240" y="398027"/>
                </a:moveTo>
                <a:lnTo>
                  <a:pt x="2742240" y="916111"/>
                </a:lnTo>
                <a:lnTo>
                  <a:pt x="2232706" y="1290344"/>
                </a:lnTo>
                <a:lnTo>
                  <a:pt x="2232706" y="772259"/>
                </a:lnTo>
                <a:close/>
                <a:moveTo>
                  <a:pt x="1672648" y="398027"/>
                </a:moveTo>
                <a:lnTo>
                  <a:pt x="2184332" y="772259"/>
                </a:lnTo>
                <a:lnTo>
                  <a:pt x="2184332" y="1290344"/>
                </a:lnTo>
                <a:lnTo>
                  <a:pt x="1672648" y="916111"/>
                </a:lnTo>
                <a:close/>
                <a:moveTo>
                  <a:pt x="1626424" y="398027"/>
                </a:moveTo>
                <a:lnTo>
                  <a:pt x="1626424" y="916111"/>
                </a:lnTo>
                <a:lnTo>
                  <a:pt x="1114740" y="1290344"/>
                </a:lnTo>
                <a:lnTo>
                  <a:pt x="1114740" y="772259"/>
                </a:lnTo>
                <a:close/>
                <a:moveTo>
                  <a:pt x="556833" y="398027"/>
                </a:moveTo>
                <a:lnTo>
                  <a:pt x="1068517" y="772259"/>
                </a:lnTo>
                <a:lnTo>
                  <a:pt x="1068517" y="1290344"/>
                </a:lnTo>
                <a:lnTo>
                  <a:pt x="556833" y="916111"/>
                </a:lnTo>
                <a:close/>
                <a:moveTo>
                  <a:pt x="2232706" y="0"/>
                </a:moveTo>
                <a:lnTo>
                  <a:pt x="2717516" y="355845"/>
                </a:lnTo>
                <a:lnTo>
                  <a:pt x="2366002" y="613265"/>
                </a:lnTo>
                <a:lnTo>
                  <a:pt x="2232706" y="515921"/>
                </a:lnTo>
                <a:close/>
                <a:moveTo>
                  <a:pt x="2184333" y="0"/>
                </a:moveTo>
                <a:lnTo>
                  <a:pt x="2184333" y="515921"/>
                </a:lnTo>
                <a:lnTo>
                  <a:pt x="2051037" y="613265"/>
                </a:lnTo>
                <a:lnTo>
                  <a:pt x="1698448" y="355845"/>
                </a:lnTo>
                <a:close/>
                <a:moveTo>
                  <a:pt x="1114740" y="0"/>
                </a:moveTo>
                <a:lnTo>
                  <a:pt x="1601700" y="355845"/>
                </a:lnTo>
                <a:lnTo>
                  <a:pt x="1248036" y="613265"/>
                </a:lnTo>
                <a:lnTo>
                  <a:pt x="1114740" y="515921"/>
                </a:lnTo>
                <a:close/>
                <a:moveTo>
                  <a:pt x="1068517" y="0"/>
                </a:moveTo>
                <a:lnTo>
                  <a:pt x="1068517" y="515921"/>
                </a:lnTo>
                <a:lnTo>
                  <a:pt x="934146" y="613265"/>
                </a:lnTo>
                <a:lnTo>
                  <a:pt x="580482" y="35584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marL="0" marR="0" indent="0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on the centre icon to insert picture</a:t>
            </a:r>
            <a:br>
              <a:rPr lang="en-GB" dirty="0"/>
            </a:br>
            <a:r>
              <a:rPr lang="en-GB" dirty="0"/>
              <a:t>Use the crop tool to reposition your image</a:t>
            </a:r>
          </a:p>
          <a:p>
            <a:endParaRPr lang="en-GB" dirty="0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621031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arge picture title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1" hasCustomPrompt="1"/>
          </p:nvPr>
        </p:nvSpPr>
        <p:spPr>
          <a:xfrm>
            <a:off x="0" y="0"/>
            <a:ext cx="9144000" cy="68580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1867" baseline="0"/>
            </a:lvl1pPr>
          </a:lstStyle>
          <a:p>
            <a:r>
              <a:rPr lang="en-GB" dirty="0"/>
              <a:t>Click the icon to insert a picture</a:t>
            </a:r>
            <a:br>
              <a:rPr lang="en-GB" dirty="0"/>
            </a:br>
            <a:r>
              <a:rPr lang="en-GB" dirty="0"/>
              <a:t>use the crop tool to reposition your image</a:t>
            </a:r>
          </a:p>
        </p:txBody>
      </p:sp>
      <p:sp>
        <p:nvSpPr>
          <p:cNvPr id="11" name="Title 2"/>
          <p:cNvSpPr>
            <a:spLocks noGrp="1"/>
          </p:cNvSpPr>
          <p:nvPr>
            <p:ph type="title"/>
          </p:nvPr>
        </p:nvSpPr>
        <p:spPr>
          <a:xfrm>
            <a:off x="381002" y="455087"/>
            <a:ext cx="7238999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12" name="Straight Connector 11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0997333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1001" y="1196753"/>
            <a:ext cx="8368363" cy="4824636"/>
          </a:xfrm>
        </p:spPr>
        <p:txBody>
          <a:bodyPr/>
          <a:lstStyle>
            <a:lvl1pPr marL="342891" indent="-342891">
              <a:buFont typeface="Wingdings" panose="05000000000000000000" pitchFamily="2" charset="2"/>
              <a:buChar char="§"/>
              <a:defRPr>
                <a:solidFill>
                  <a:srgbClr val="7F7F7F"/>
                </a:solidFill>
              </a:defRPr>
            </a:lvl1pPr>
            <a:lvl2pPr marL="742932" indent="-285744"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47DD4DD-D9C3-4785-9E15-6349FD21002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7" name="Straight Connector 6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" name="Picture 1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62364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>
    <p:ext uri="{DCECCB84-F9BA-43D5-87BE-67443E8EF086}">
      <p15:sldGuideLst xmlns:p15="http://schemas.microsoft.com/office/powerpoint/2012/main">
        <p15:guide id="1" orient="horz" pos="3117">
          <p15:clr>
            <a:srgbClr val="FBAE40"/>
          </p15:clr>
        </p15:guide>
        <p15:guide id="2" pos="2160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1002" y="2906713"/>
            <a:ext cx="8368361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bg1">
                    <a:lumMod val="50000"/>
                  </a:schemeClr>
                </a:solidFill>
              </a:defRPr>
            </a:lvl1pPr>
            <a:lvl2pPr marL="457189" indent="0">
              <a:buNone/>
              <a:defRPr sz="1800"/>
            </a:lvl2pPr>
            <a:lvl3pPr marL="914377" indent="0">
              <a:buNone/>
              <a:defRPr sz="1600"/>
            </a:lvl3pPr>
            <a:lvl4pPr marL="1371566" indent="0">
              <a:buNone/>
              <a:defRPr sz="1400"/>
            </a:lvl4pPr>
            <a:lvl5pPr marL="1828754" indent="0">
              <a:buNone/>
              <a:defRPr sz="1400"/>
            </a:lvl5pPr>
            <a:lvl6pPr marL="2285943" indent="0">
              <a:buNone/>
              <a:defRPr sz="1400"/>
            </a:lvl6pPr>
            <a:lvl7pPr marL="2743131" indent="0">
              <a:buNone/>
              <a:defRPr sz="1400"/>
            </a:lvl7pPr>
            <a:lvl8pPr marL="3200320" indent="0">
              <a:buNone/>
              <a:defRPr sz="1400"/>
            </a:lvl8pPr>
            <a:lvl9pPr marL="3657509" indent="0">
              <a:buNone/>
              <a:defRPr sz="14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7DEBEB-08C9-44AC-B566-D93AE3174E54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8" name="Straight Connector 7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Picture 1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614917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81002" y="1220755"/>
            <a:ext cx="4133849" cy="4956209"/>
          </a:xfrm>
        </p:spPr>
        <p:txBody>
          <a:bodyPr/>
          <a:lstStyle>
            <a:lvl1pPr marL="228594" indent="-228594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1" y="1220755"/>
            <a:ext cx="4120213" cy="4956209"/>
          </a:xfrm>
        </p:spPr>
        <p:txBody>
          <a:bodyPr/>
          <a:lstStyle>
            <a:lvl1pPr marL="228594" indent="-228594">
              <a:buFont typeface="Wingdings" panose="05000000000000000000" pitchFamily="2" charset="2"/>
              <a:buChar char="§"/>
              <a:defRPr>
                <a:solidFill>
                  <a:schemeClr val="bg1">
                    <a:lumMod val="50000"/>
                  </a:schemeClr>
                </a:solidFill>
              </a:defRPr>
            </a:lvl1pPr>
            <a:lvl2pPr marL="685783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>
              <a:buSzPct val="50000"/>
              <a:buFont typeface="Wingdings" panose="05000000000000000000" pitchFamily="2" charset="2"/>
              <a:buChar char="o"/>
              <a:defRPr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9" name="Slide Number Placeholder 5"/>
          <p:cNvSpPr txBox="1">
            <a:spLocks/>
          </p:cNvSpPr>
          <p:nvPr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sp>
        <p:nvSpPr>
          <p:cNvPr id="8" name="Slide Number Placeholder 5"/>
          <p:cNvSpPr txBox="1">
            <a:spLocks/>
          </p:cNvSpPr>
          <p:nvPr userDrawn="1"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sp>
        <p:nvSpPr>
          <p:cNvPr id="10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11" name="Straight Connector 10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1" name="Picture 2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523018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EB0EE5A-59AA-4925-9970-F24F456B94DA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6" name="Straight Connector 5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981059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be Picture Mas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EB0EE5A-59AA-4925-9970-F24F456B94DA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6" name="Straight Connector 5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Picture Placeholder 33"/>
          <p:cNvSpPr>
            <a:spLocks noGrp="1"/>
          </p:cNvSpPr>
          <p:nvPr>
            <p:ph type="pic" sz="quarter" idx="19" hasCustomPrompt="1"/>
          </p:nvPr>
        </p:nvSpPr>
        <p:spPr>
          <a:xfrm>
            <a:off x="381128" y="2447935"/>
            <a:ext cx="1885593" cy="2325215"/>
          </a:xfrm>
          <a:custGeom>
            <a:avLst/>
            <a:gdLst>
              <a:gd name="connsiteX0" fmla="*/ 547214 w 1096401"/>
              <a:gd name="connsiteY0" fmla="*/ 0 h 1352024"/>
              <a:gd name="connsiteX1" fmla="*/ 1094868 w 1096401"/>
              <a:gd name="connsiteY1" fmla="*/ 394844 h 1352024"/>
              <a:gd name="connsiteX2" fmla="*/ 1096401 w 1096401"/>
              <a:gd name="connsiteY2" fmla="*/ 954456 h 1352024"/>
              <a:gd name="connsiteX3" fmla="*/ 548119 w 1096401"/>
              <a:gd name="connsiteY3" fmla="*/ 1352024 h 1352024"/>
              <a:gd name="connsiteX4" fmla="*/ 976 w 1096401"/>
              <a:gd name="connsiteY4" fmla="*/ 956265 h 1352024"/>
              <a:gd name="connsiteX5" fmla="*/ 0 w 1096401"/>
              <a:gd name="connsiteY5" fmla="*/ 399974 h 1352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96401" h="1352024">
                <a:moveTo>
                  <a:pt x="547214" y="0"/>
                </a:moveTo>
                <a:lnTo>
                  <a:pt x="1094868" y="394844"/>
                </a:lnTo>
                <a:lnTo>
                  <a:pt x="1096401" y="954456"/>
                </a:lnTo>
                <a:lnTo>
                  <a:pt x="548119" y="1352024"/>
                </a:lnTo>
                <a:lnTo>
                  <a:pt x="976" y="956265"/>
                </a:lnTo>
                <a:lnTo>
                  <a:pt x="0" y="399974"/>
                </a:lnTo>
                <a:close/>
              </a:path>
            </a:pathLst>
          </a:custGeom>
        </p:spPr>
        <p:txBody>
          <a:bodyPr wrap="square" anchor="ctr">
            <a:noAutofit/>
          </a:bodyPr>
          <a:lstStyle>
            <a:lvl1pPr marL="0" indent="0" algn="ctr">
              <a:buNone/>
              <a:defRPr sz="933" baseline="0">
                <a:solidFill>
                  <a:srgbClr val="7F7F7F"/>
                </a:solidFill>
              </a:defRPr>
            </a:lvl1pPr>
          </a:lstStyle>
          <a:p>
            <a:r>
              <a:rPr lang="en-GB" dirty="0" smtClean="0"/>
              <a:t>Click on the centre icon to insert picture. </a:t>
            </a:r>
          </a:p>
          <a:p>
            <a:r>
              <a:rPr lang="en-GB" dirty="0" smtClean="0"/>
              <a:t>Use the crop tool to reposition your image</a:t>
            </a:r>
            <a:endParaRPr lang="en-GB" dirty="0"/>
          </a:p>
        </p:txBody>
      </p:sp>
      <p:sp>
        <p:nvSpPr>
          <p:cNvPr id="35" name="Picture Placeholder 34"/>
          <p:cNvSpPr>
            <a:spLocks noGrp="1"/>
          </p:cNvSpPr>
          <p:nvPr>
            <p:ph type="pic" sz="quarter" idx="20" hasCustomPrompt="1"/>
          </p:nvPr>
        </p:nvSpPr>
        <p:spPr>
          <a:xfrm>
            <a:off x="4702890" y="2447935"/>
            <a:ext cx="1885593" cy="2325215"/>
          </a:xfrm>
          <a:custGeom>
            <a:avLst/>
            <a:gdLst>
              <a:gd name="connsiteX0" fmla="*/ 547214 w 1096401"/>
              <a:gd name="connsiteY0" fmla="*/ 0 h 1352024"/>
              <a:gd name="connsiteX1" fmla="*/ 1094868 w 1096401"/>
              <a:gd name="connsiteY1" fmla="*/ 394844 h 1352024"/>
              <a:gd name="connsiteX2" fmla="*/ 1096401 w 1096401"/>
              <a:gd name="connsiteY2" fmla="*/ 954456 h 1352024"/>
              <a:gd name="connsiteX3" fmla="*/ 548119 w 1096401"/>
              <a:gd name="connsiteY3" fmla="*/ 1352024 h 1352024"/>
              <a:gd name="connsiteX4" fmla="*/ 976 w 1096401"/>
              <a:gd name="connsiteY4" fmla="*/ 956265 h 1352024"/>
              <a:gd name="connsiteX5" fmla="*/ 0 w 1096401"/>
              <a:gd name="connsiteY5" fmla="*/ 399974 h 1352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96401" h="1352024">
                <a:moveTo>
                  <a:pt x="547214" y="0"/>
                </a:moveTo>
                <a:lnTo>
                  <a:pt x="1094868" y="394844"/>
                </a:lnTo>
                <a:lnTo>
                  <a:pt x="1096401" y="954456"/>
                </a:lnTo>
                <a:lnTo>
                  <a:pt x="548119" y="1352024"/>
                </a:lnTo>
                <a:lnTo>
                  <a:pt x="976" y="956265"/>
                </a:lnTo>
                <a:lnTo>
                  <a:pt x="0" y="399974"/>
                </a:lnTo>
                <a:close/>
              </a:path>
            </a:pathLst>
          </a:custGeom>
        </p:spPr>
        <p:txBody>
          <a:bodyPr wrap="square" anchor="ctr">
            <a:noAutofit/>
          </a:bodyPr>
          <a:lstStyle>
            <a:lvl1pPr marL="0" indent="0" algn="ctr">
              <a:buNone/>
              <a:defRPr sz="933" baseline="0">
                <a:solidFill>
                  <a:srgbClr val="7F7F7F"/>
                </a:solidFill>
              </a:defRPr>
            </a:lvl1pPr>
          </a:lstStyle>
          <a:p>
            <a:r>
              <a:rPr lang="en-GB" dirty="0" smtClean="0"/>
              <a:t>Click on the centre icon to insert picture. </a:t>
            </a:r>
          </a:p>
          <a:p>
            <a:r>
              <a:rPr lang="en-GB" dirty="0" smtClean="0"/>
              <a:t>Use the crop tool to reposition your image</a:t>
            </a:r>
            <a:endParaRPr lang="en-GB" dirty="0"/>
          </a:p>
        </p:txBody>
      </p:sp>
      <p:sp>
        <p:nvSpPr>
          <p:cNvPr id="36" name="Picture Placeholder 35"/>
          <p:cNvSpPr>
            <a:spLocks noGrp="1"/>
          </p:cNvSpPr>
          <p:nvPr>
            <p:ph type="pic" sz="quarter" idx="21" hasCustomPrompt="1"/>
          </p:nvPr>
        </p:nvSpPr>
        <p:spPr>
          <a:xfrm>
            <a:off x="2542009" y="2447935"/>
            <a:ext cx="1885593" cy="2325215"/>
          </a:xfrm>
          <a:custGeom>
            <a:avLst/>
            <a:gdLst>
              <a:gd name="connsiteX0" fmla="*/ 547214 w 1096401"/>
              <a:gd name="connsiteY0" fmla="*/ 0 h 1352024"/>
              <a:gd name="connsiteX1" fmla="*/ 1094868 w 1096401"/>
              <a:gd name="connsiteY1" fmla="*/ 394844 h 1352024"/>
              <a:gd name="connsiteX2" fmla="*/ 1096401 w 1096401"/>
              <a:gd name="connsiteY2" fmla="*/ 954456 h 1352024"/>
              <a:gd name="connsiteX3" fmla="*/ 548119 w 1096401"/>
              <a:gd name="connsiteY3" fmla="*/ 1352024 h 1352024"/>
              <a:gd name="connsiteX4" fmla="*/ 976 w 1096401"/>
              <a:gd name="connsiteY4" fmla="*/ 956265 h 1352024"/>
              <a:gd name="connsiteX5" fmla="*/ 0 w 1096401"/>
              <a:gd name="connsiteY5" fmla="*/ 399974 h 1352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96401" h="1352024">
                <a:moveTo>
                  <a:pt x="547214" y="0"/>
                </a:moveTo>
                <a:lnTo>
                  <a:pt x="1094868" y="394844"/>
                </a:lnTo>
                <a:lnTo>
                  <a:pt x="1096401" y="954456"/>
                </a:lnTo>
                <a:lnTo>
                  <a:pt x="548119" y="1352024"/>
                </a:lnTo>
                <a:lnTo>
                  <a:pt x="976" y="956265"/>
                </a:lnTo>
                <a:lnTo>
                  <a:pt x="0" y="399974"/>
                </a:lnTo>
                <a:close/>
              </a:path>
            </a:pathLst>
          </a:custGeom>
        </p:spPr>
        <p:txBody>
          <a:bodyPr wrap="square" anchor="ctr">
            <a:noAutofit/>
          </a:bodyPr>
          <a:lstStyle>
            <a:lvl1pPr marL="0" indent="0" algn="ctr">
              <a:buNone/>
              <a:defRPr sz="933" baseline="0">
                <a:solidFill>
                  <a:srgbClr val="7F7F7F"/>
                </a:solidFill>
              </a:defRPr>
            </a:lvl1pPr>
          </a:lstStyle>
          <a:p>
            <a:r>
              <a:rPr lang="en-GB" dirty="0" smtClean="0"/>
              <a:t>Click on the centre icon to insert picture. </a:t>
            </a:r>
          </a:p>
          <a:p>
            <a:r>
              <a:rPr lang="en-GB" dirty="0" smtClean="0"/>
              <a:t>Use the crop tool to reposition your image</a:t>
            </a:r>
            <a:endParaRPr lang="en-GB" dirty="0"/>
          </a:p>
        </p:txBody>
      </p:sp>
      <p:sp>
        <p:nvSpPr>
          <p:cNvPr id="37" name="Picture Placeholder 36"/>
          <p:cNvSpPr>
            <a:spLocks noGrp="1"/>
          </p:cNvSpPr>
          <p:nvPr>
            <p:ph type="pic" sz="quarter" idx="22" hasCustomPrompt="1"/>
          </p:nvPr>
        </p:nvSpPr>
        <p:spPr>
          <a:xfrm>
            <a:off x="6863770" y="2447935"/>
            <a:ext cx="1885593" cy="2325215"/>
          </a:xfrm>
          <a:custGeom>
            <a:avLst/>
            <a:gdLst>
              <a:gd name="connsiteX0" fmla="*/ 547214 w 1096401"/>
              <a:gd name="connsiteY0" fmla="*/ 0 h 1352024"/>
              <a:gd name="connsiteX1" fmla="*/ 1094868 w 1096401"/>
              <a:gd name="connsiteY1" fmla="*/ 394844 h 1352024"/>
              <a:gd name="connsiteX2" fmla="*/ 1096401 w 1096401"/>
              <a:gd name="connsiteY2" fmla="*/ 954456 h 1352024"/>
              <a:gd name="connsiteX3" fmla="*/ 548119 w 1096401"/>
              <a:gd name="connsiteY3" fmla="*/ 1352024 h 1352024"/>
              <a:gd name="connsiteX4" fmla="*/ 976 w 1096401"/>
              <a:gd name="connsiteY4" fmla="*/ 956265 h 1352024"/>
              <a:gd name="connsiteX5" fmla="*/ 0 w 1096401"/>
              <a:gd name="connsiteY5" fmla="*/ 399974 h 13520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96401" h="1352024">
                <a:moveTo>
                  <a:pt x="547214" y="0"/>
                </a:moveTo>
                <a:lnTo>
                  <a:pt x="1094868" y="394844"/>
                </a:lnTo>
                <a:lnTo>
                  <a:pt x="1096401" y="954456"/>
                </a:lnTo>
                <a:lnTo>
                  <a:pt x="548119" y="1352024"/>
                </a:lnTo>
                <a:lnTo>
                  <a:pt x="976" y="956265"/>
                </a:lnTo>
                <a:lnTo>
                  <a:pt x="0" y="399974"/>
                </a:lnTo>
                <a:close/>
              </a:path>
            </a:pathLst>
          </a:custGeom>
        </p:spPr>
        <p:txBody>
          <a:bodyPr wrap="square" anchor="ctr">
            <a:noAutofit/>
          </a:bodyPr>
          <a:lstStyle>
            <a:lvl1pPr marL="0" indent="0" algn="ctr">
              <a:buNone/>
              <a:defRPr sz="933" baseline="0">
                <a:solidFill>
                  <a:srgbClr val="7F7F7F"/>
                </a:solidFill>
              </a:defRPr>
            </a:lvl1pPr>
          </a:lstStyle>
          <a:p>
            <a:r>
              <a:rPr lang="en-GB" dirty="0" smtClean="0"/>
              <a:t>Click on the centre icon to insert picture. </a:t>
            </a:r>
          </a:p>
          <a:p>
            <a:r>
              <a:rPr lang="en-GB" dirty="0" smtClean="0"/>
              <a:t>Use the crop tool to reposition your image</a:t>
            </a:r>
            <a:endParaRPr lang="en-GB" dirty="0"/>
          </a:p>
        </p:txBody>
      </p:sp>
      <p:pic>
        <p:nvPicPr>
          <p:cNvPr id="23" name="Picture 2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  <p:sp>
        <p:nvSpPr>
          <p:cNvPr id="25" name="Text Placeholder 11"/>
          <p:cNvSpPr>
            <a:spLocks noGrp="1"/>
          </p:cNvSpPr>
          <p:nvPr>
            <p:ph type="body" sz="quarter" idx="23" hasCustomPrompt="1"/>
          </p:nvPr>
        </p:nvSpPr>
        <p:spPr>
          <a:xfrm>
            <a:off x="381000" y="4965171"/>
            <a:ext cx="1885719" cy="756429"/>
          </a:xfrm>
        </p:spPr>
        <p:txBody>
          <a:bodyPr>
            <a:noAutofit/>
          </a:bodyPr>
          <a:lstStyle>
            <a:lvl1pPr marL="0" marR="0" indent="0" algn="ctr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200" b="0" smtClean="0">
                <a:solidFill>
                  <a:srgbClr val="7F7F7F"/>
                </a:solidFill>
              </a:defRPr>
            </a:lvl1pPr>
            <a:lvl2pPr marL="457189" indent="0">
              <a:buFontTx/>
              <a:buNone/>
              <a:defRPr sz="1067"/>
            </a:lvl2pPr>
            <a:lvl3pPr marL="914377" indent="0">
              <a:buFontTx/>
              <a:buNone/>
              <a:defRPr/>
            </a:lvl3pPr>
            <a:lvl4pPr marL="1371566" indent="0">
              <a:buFontTx/>
              <a:buNone/>
              <a:defRPr/>
            </a:lvl4pPr>
            <a:lvl5pPr marL="1828754" indent="0">
              <a:buFontTx/>
              <a:buNone/>
              <a:defRPr/>
            </a:lvl5pPr>
          </a:lstStyle>
          <a:p>
            <a:pPr lvl="0"/>
            <a:r>
              <a:rPr lang="en-US" sz="1067" b="1" dirty="0" smtClean="0">
                <a:solidFill>
                  <a:schemeClr val="accent1"/>
                </a:solidFill>
                <a:latin typeface="+mj-lt"/>
              </a:rPr>
              <a:t>TITLE PLACEHOLDER</a:t>
            </a:r>
            <a:br>
              <a:rPr lang="en-US" sz="1067" b="1" dirty="0" smtClean="0">
                <a:solidFill>
                  <a:schemeClr val="accent1"/>
                </a:solidFill>
                <a:latin typeface="+mj-lt"/>
              </a:rPr>
            </a:br>
            <a:r>
              <a:rPr lang="en-US" sz="1067" dirty="0" smtClean="0">
                <a:solidFill>
                  <a:schemeClr val="bg1">
                    <a:lumMod val="65000"/>
                  </a:schemeClr>
                </a:solidFill>
                <a:latin typeface="+mj-lt"/>
              </a:rPr>
              <a:t>This is a sample text. You simply add your own text and description here. </a:t>
            </a:r>
          </a:p>
          <a:p>
            <a:pPr lvl="0"/>
            <a:endParaRPr lang="en-GB" dirty="0"/>
          </a:p>
        </p:txBody>
      </p:sp>
      <p:sp>
        <p:nvSpPr>
          <p:cNvPr id="27" name="Text Placeholder 11"/>
          <p:cNvSpPr>
            <a:spLocks noGrp="1"/>
          </p:cNvSpPr>
          <p:nvPr>
            <p:ph type="body" sz="quarter" idx="24" hasCustomPrompt="1"/>
          </p:nvPr>
        </p:nvSpPr>
        <p:spPr>
          <a:xfrm>
            <a:off x="2542007" y="4965171"/>
            <a:ext cx="1885719" cy="756429"/>
          </a:xfrm>
        </p:spPr>
        <p:txBody>
          <a:bodyPr>
            <a:noAutofit/>
          </a:bodyPr>
          <a:lstStyle>
            <a:lvl1pPr marL="0" marR="0" indent="0" algn="ctr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067" b="0" smtClean="0">
                <a:solidFill>
                  <a:srgbClr val="7F7F7F"/>
                </a:solidFill>
              </a:defRPr>
            </a:lvl1pPr>
            <a:lvl2pPr marL="457189" indent="0">
              <a:buFontTx/>
              <a:buNone/>
              <a:defRPr sz="1067"/>
            </a:lvl2pPr>
            <a:lvl3pPr marL="914377" indent="0">
              <a:buFontTx/>
              <a:buNone/>
              <a:defRPr/>
            </a:lvl3pPr>
            <a:lvl4pPr marL="1371566" indent="0">
              <a:buFontTx/>
              <a:buNone/>
              <a:defRPr/>
            </a:lvl4pPr>
            <a:lvl5pPr marL="1828754" indent="0">
              <a:buFontTx/>
              <a:buNone/>
              <a:defRPr/>
            </a:lvl5pPr>
          </a:lstStyle>
          <a:p>
            <a:pPr lvl="0"/>
            <a:r>
              <a:rPr lang="en-US" sz="1067" b="1" dirty="0" smtClean="0">
                <a:solidFill>
                  <a:schemeClr val="accent1"/>
                </a:solidFill>
                <a:latin typeface="+mj-lt"/>
              </a:rPr>
              <a:t>TITLE PLACEHOLDER</a:t>
            </a:r>
            <a:br>
              <a:rPr lang="en-US" sz="1067" b="1" dirty="0" smtClean="0">
                <a:solidFill>
                  <a:schemeClr val="accent1"/>
                </a:solidFill>
                <a:latin typeface="+mj-lt"/>
              </a:rPr>
            </a:br>
            <a:r>
              <a:rPr lang="en-US" sz="1067" dirty="0" smtClean="0">
                <a:solidFill>
                  <a:schemeClr val="bg1">
                    <a:lumMod val="65000"/>
                  </a:schemeClr>
                </a:solidFill>
                <a:latin typeface="+mj-lt"/>
              </a:rPr>
              <a:t>This is a sample text. You simply add your own text and description here. </a:t>
            </a:r>
          </a:p>
          <a:p>
            <a:pPr lvl="0"/>
            <a:endParaRPr lang="en-GB" dirty="0"/>
          </a:p>
        </p:txBody>
      </p:sp>
      <p:sp>
        <p:nvSpPr>
          <p:cNvPr id="29" name="Text Placeholder 11"/>
          <p:cNvSpPr>
            <a:spLocks noGrp="1"/>
          </p:cNvSpPr>
          <p:nvPr>
            <p:ph type="body" sz="quarter" idx="25" hasCustomPrompt="1"/>
          </p:nvPr>
        </p:nvSpPr>
        <p:spPr>
          <a:xfrm>
            <a:off x="4702889" y="4965171"/>
            <a:ext cx="1885719" cy="756429"/>
          </a:xfrm>
        </p:spPr>
        <p:txBody>
          <a:bodyPr>
            <a:noAutofit/>
          </a:bodyPr>
          <a:lstStyle>
            <a:lvl1pPr marL="0" marR="0" indent="0" algn="ctr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067" b="0" smtClean="0">
                <a:solidFill>
                  <a:srgbClr val="7F7F7F"/>
                </a:solidFill>
              </a:defRPr>
            </a:lvl1pPr>
            <a:lvl2pPr marL="457189" indent="0">
              <a:buFontTx/>
              <a:buNone/>
              <a:defRPr sz="1067"/>
            </a:lvl2pPr>
            <a:lvl3pPr marL="914377" indent="0">
              <a:buFontTx/>
              <a:buNone/>
              <a:defRPr/>
            </a:lvl3pPr>
            <a:lvl4pPr marL="1371566" indent="0">
              <a:buFontTx/>
              <a:buNone/>
              <a:defRPr/>
            </a:lvl4pPr>
            <a:lvl5pPr marL="1828754" indent="0">
              <a:buFontTx/>
              <a:buNone/>
              <a:defRPr/>
            </a:lvl5pPr>
          </a:lstStyle>
          <a:p>
            <a:pPr lvl="0"/>
            <a:r>
              <a:rPr lang="en-US" sz="1067" b="1" dirty="0" smtClean="0">
                <a:solidFill>
                  <a:schemeClr val="accent1"/>
                </a:solidFill>
                <a:latin typeface="+mj-lt"/>
              </a:rPr>
              <a:t>TITLE PLACEHOLDER</a:t>
            </a:r>
            <a:br>
              <a:rPr lang="en-US" sz="1067" b="1" dirty="0" smtClean="0">
                <a:solidFill>
                  <a:schemeClr val="accent1"/>
                </a:solidFill>
                <a:latin typeface="+mj-lt"/>
              </a:rPr>
            </a:br>
            <a:r>
              <a:rPr lang="en-US" sz="1067" dirty="0" smtClean="0">
                <a:solidFill>
                  <a:schemeClr val="bg1">
                    <a:lumMod val="65000"/>
                  </a:schemeClr>
                </a:solidFill>
                <a:latin typeface="+mj-lt"/>
              </a:rPr>
              <a:t>This is a sample text. You simply add your own text and description here. </a:t>
            </a:r>
          </a:p>
          <a:p>
            <a:pPr lvl="0"/>
            <a:endParaRPr lang="en-GB" dirty="0"/>
          </a:p>
        </p:txBody>
      </p:sp>
      <p:sp>
        <p:nvSpPr>
          <p:cNvPr id="30" name="Text Placeholder 11"/>
          <p:cNvSpPr>
            <a:spLocks noGrp="1"/>
          </p:cNvSpPr>
          <p:nvPr>
            <p:ph type="body" sz="quarter" idx="26" hasCustomPrompt="1"/>
          </p:nvPr>
        </p:nvSpPr>
        <p:spPr>
          <a:xfrm>
            <a:off x="6863770" y="4965171"/>
            <a:ext cx="1885719" cy="756429"/>
          </a:xfrm>
        </p:spPr>
        <p:txBody>
          <a:bodyPr>
            <a:noAutofit/>
          </a:bodyPr>
          <a:lstStyle>
            <a:lvl1pPr marL="0" marR="0" indent="0" algn="ctr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067" b="0" smtClean="0">
                <a:solidFill>
                  <a:srgbClr val="7F7F7F"/>
                </a:solidFill>
              </a:defRPr>
            </a:lvl1pPr>
            <a:lvl2pPr marL="457189" indent="0">
              <a:buFontTx/>
              <a:buNone/>
              <a:defRPr sz="1067"/>
            </a:lvl2pPr>
            <a:lvl3pPr marL="914377" indent="0">
              <a:buFontTx/>
              <a:buNone/>
              <a:defRPr/>
            </a:lvl3pPr>
            <a:lvl4pPr marL="1371566" indent="0">
              <a:buFontTx/>
              <a:buNone/>
              <a:defRPr/>
            </a:lvl4pPr>
            <a:lvl5pPr marL="1828754" indent="0">
              <a:buFontTx/>
              <a:buNone/>
              <a:defRPr/>
            </a:lvl5pPr>
          </a:lstStyle>
          <a:p>
            <a:pPr lvl="0"/>
            <a:r>
              <a:rPr lang="en-US" sz="1067" b="1" dirty="0" smtClean="0">
                <a:solidFill>
                  <a:schemeClr val="accent1"/>
                </a:solidFill>
                <a:latin typeface="+mj-lt"/>
              </a:rPr>
              <a:t>TITLE PLACEHOLDER</a:t>
            </a:r>
            <a:br>
              <a:rPr lang="en-US" sz="1067" b="1" dirty="0" smtClean="0">
                <a:solidFill>
                  <a:schemeClr val="accent1"/>
                </a:solidFill>
                <a:latin typeface="+mj-lt"/>
              </a:rPr>
            </a:br>
            <a:r>
              <a:rPr lang="en-US" sz="1067" dirty="0" smtClean="0">
                <a:solidFill>
                  <a:schemeClr val="bg1">
                    <a:lumMod val="65000"/>
                  </a:schemeClr>
                </a:solidFill>
                <a:latin typeface="+mj-lt"/>
              </a:rPr>
              <a:t>This is a sample text. You simply add your own text and description here. </a:t>
            </a:r>
          </a:p>
          <a:p>
            <a:pPr lv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7277714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bes shap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5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EB0EE5A-59AA-4925-9970-F24F456B94DA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Title 2"/>
          <p:cNvSpPr>
            <a:spLocks noGrp="1"/>
          </p:cNvSpPr>
          <p:nvPr>
            <p:ph type="title"/>
          </p:nvPr>
        </p:nvSpPr>
        <p:spPr>
          <a:xfrm>
            <a:off x="381001" y="455087"/>
            <a:ext cx="8368363" cy="660511"/>
          </a:xfrm>
          <a:prstGeom prst="rect">
            <a:avLst/>
          </a:prstGeom>
        </p:spPr>
        <p:txBody>
          <a:bodyPr lIns="0" tIns="0" rIns="0" bIns="0" anchor="ctr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cxnSp>
        <p:nvCxnSpPr>
          <p:cNvPr id="6" name="Straight Connector 5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 userDrawn="1"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1" name="Picture 2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179" y="6261760"/>
            <a:ext cx="428732" cy="3355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649712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1003" y="1508788"/>
            <a:ext cx="8368360" cy="466817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 smtClean="0"/>
              <a:t>Edit </a:t>
            </a:r>
            <a:r>
              <a:rPr lang="en-US" dirty="0"/>
              <a:t>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906269" y="5969000"/>
            <a:ext cx="335608" cy="611237"/>
          </a:xfrm>
          <a:prstGeom prst="rect">
            <a:avLst/>
          </a:prstGeom>
        </p:spPr>
      </p:pic>
      <p:sp>
        <p:nvSpPr>
          <p:cNvPr id="12" name="Slide Number Placeholder 5"/>
          <p:cNvSpPr txBox="1">
            <a:spLocks/>
          </p:cNvSpPr>
          <p:nvPr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sp>
        <p:nvSpPr>
          <p:cNvPr id="13" name="Text Box 4"/>
          <p:cNvSpPr txBox="1">
            <a:spLocks noChangeArrowheads="1"/>
          </p:cNvSpPr>
          <p:nvPr/>
        </p:nvSpPr>
        <p:spPr bwMode="auto">
          <a:xfrm>
            <a:off x="4690294" y="6413811"/>
            <a:ext cx="3819061" cy="23589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>
            <a:lvl1pPr eaLnBrk="0" hangingPunct="0">
              <a:defRPr sz="2400" b="1">
                <a:solidFill>
                  <a:srgbClr val="003897"/>
                </a:solidFill>
                <a:latin typeface="Arial" charset="0"/>
              </a:defRPr>
            </a:lvl1pPr>
            <a:lvl2pPr marL="742950" indent="-285750" eaLnBrk="0" hangingPunct="0">
              <a:defRPr sz="2400" b="1">
                <a:solidFill>
                  <a:srgbClr val="003897"/>
                </a:solidFill>
                <a:latin typeface="Arial" charset="0"/>
              </a:defRPr>
            </a:lvl2pPr>
            <a:lvl3pPr marL="1143000" indent="-228600" eaLnBrk="0" hangingPunct="0">
              <a:defRPr sz="2400" b="1">
                <a:solidFill>
                  <a:srgbClr val="003897"/>
                </a:solidFill>
                <a:latin typeface="Arial" charset="0"/>
              </a:defRPr>
            </a:lvl3pPr>
            <a:lvl4pPr marL="1600200" indent="-228600" eaLnBrk="0" hangingPunct="0">
              <a:defRPr sz="2400" b="1">
                <a:solidFill>
                  <a:srgbClr val="003897"/>
                </a:solidFill>
                <a:latin typeface="Arial" charset="0"/>
              </a:defRPr>
            </a:lvl4pPr>
            <a:lvl5pPr marL="2057400" indent="-228600" eaLnBrk="0" hangingPunct="0">
              <a:defRPr sz="2400" b="1">
                <a:solidFill>
                  <a:srgbClr val="003897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003897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003897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003897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003897"/>
                </a:solidFill>
                <a:latin typeface="Arial" charset="0"/>
              </a:defRPr>
            </a:lvl9pPr>
          </a:lstStyle>
          <a:p>
            <a:pPr algn="r">
              <a:defRPr/>
            </a:pPr>
            <a:r>
              <a:rPr lang="en-GB" sz="933" b="0" dirty="0">
                <a:solidFill>
                  <a:schemeClr val="accent4"/>
                </a:solidFill>
                <a:latin typeface="+mj-lt"/>
              </a:rPr>
              <a:t>Copyright © TWI Ltd 2019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906269" y="5969000"/>
            <a:ext cx="335608" cy="611237"/>
          </a:xfrm>
          <a:prstGeom prst="rect">
            <a:avLst/>
          </a:prstGeom>
        </p:spPr>
      </p:pic>
      <p:sp>
        <p:nvSpPr>
          <p:cNvPr id="9" name="Slide Number Placeholder 5"/>
          <p:cNvSpPr txBox="1">
            <a:spLocks/>
          </p:cNvSpPr>
          <p:nvPr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3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906269" y="5969000"/>
            <a:ext cx="335608" cy="611237"/>
          </a:xfrm>
          <a:prstGeom prst="rect">
            <a:avLst/>
          </a:prstGeom>
        </p:spPr>
      </p:pic>
      <p:sp>
        <p:nvSpPr>
          <p:cNvPr id="15" name="Slide Number Placeholder 5"/>
          <p:cNvSpPr txBox="1">
            <a:spLocks/>
          </p:cNvSpPr>
          <p:nvPr userDrawn="1"/>
        </p:nvSpPr>
        <p:spPr>
          <a:xfrm>
            <a:off x="8639685" y="6092056"/>
            <a:ext cx="590551" cy="365125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ABC0981-5A50-4FDD-BA6F-E45FE54427F4}" type="slidenum">
              <a:rPr lang="en-GB" sz="1067" smtClean="0"/>
              <a:pPr/>
              <a:t>‹#›</a:t>
            </a:fld>
            <a:endParaRPr lang="en-GB" sz="1067" dirty="0"/>
          </a:p>
        </p:txBody>
      </p:sp>
      <p:sp>
        <p:nvSpPr>
          <p:cNvPr id="18" name="Title Placeholder 1"/>
          <p:cNvSpPr>
            <a:spLocks noGrp="1"/>
          </p:cNvSpPr>
          <p:nvPr>
            <p:ph type="title"/>
          </p:nvPr>
        </p:nvSpPr>
        <p:spPr>
          <a:xfrm>
            <a:off x="381003" y="365128"/>
            <a:ext cx="8368360" cy="86344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226921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0" r:id="rId1"/>
    <p:sldLayoutId id="2147483711" r:id="rId2"/>
    <p:sldLayoutId id="2147483712" r:id="rId3"/>
    <p:sldLayoutId id="2147483713" r:id="rId4"/>
    <p:sldLayoutId id="2147483714" r:id="rId5"/>
    <p:sldLayoutId id="2147483715" r:id="rId6"/>
    <p:sldLayoutId id="2147483716" r:id="rId7"/>
    <p:sldLayoutId id="2147483717" r:id="rId8"/>
    <p:sldLayoutId id="2147483718" r:id="rId9"/>
    <p:sldLayoutId id="2147483719" r:id="rId10"/>
    <p:sldLayoutId id="2147483720" r:id="rId11"/>
    <p:sldLayoutId id="2147483721" r:id="rId12"/>
    <p:sldLayoutId id="2147483722" r:id="rId13"/>
    <p:sldLayoutId id="2147483723" r:id="rId14"/>
    <p:sldLayoutId id="2147483724" r:id="rId15"/>
    <p:sldLayoutId id="2147483725" r:id="rId16"/>
    <p:sldLayoutId id="2147483726" r:id="rId17"/>
    <p:sldLayoutId id="2147483727" r:id="rId18"/>
    <p:sldLayoutId id="2147483728" r:id="rId19"/>
    <p:sldLayoutId id="2147483729" r:id="rId20"/>
    <p:sldLayoutId id="2147483730" r:id="rId21"/>
    <p:sldLayoutId id="2147483731" r:id="rId22"/>
    <p:sldLayoutId id="2147483732" r:id="rId23"/>
    <p:sldLayoutId id="2147483733" r:id="rId24"/>
    <p:sldLayoutId id="2147483734" r:id="rId25"/>
    <p:sldLayoutId id="2147483735" r:id="rId26"/>
    <p:sldLayoutId id="2147483736" r:id="rId27"/>
    <p:sldLayoutId id="2147483737" r:id="rId28"/>
  </p:sldLayoutIdLst>
  <p:timing>
    <p:tnLst>
      <p:par>
        <p:cTn id="1" dur="indefinite" restart="never" nodeType="tmRoot"/>
      </p:par>
    </p:tnLst>
  </p:timing>
  <p:hf sldNum="0" hdr="0" ftr="0" dt="0"/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3600" kern="1200">
          <a:solidFill>
            <a:srgbClr val="0058A2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Wingdings" panose="05000000000000000000" pitchFamily="2" charset="2"/>
        <a:buChar char="§"/>
        <a:defRPr sz="2800" kern="120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Clr>
          <a:srgbClr val="7F7F7F"/>
        </a:buClr>
        <a:buSzPct val="50000"/>
        <a:buFont typeface="Wingdings" panose="05000000000000000000" pitchFamily="2" charset="2"/>
        <a:buChar char="o"/>
        <a:defRPr sz="2400" kern="120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Clr>
          <a:srgbClr val="7F7F7F"/>
        </a:buClr>
        <a:buSzPct val="50000"/>
        <a:buFont typeface="Wingdings" panose="05000000000000000000" pitchFamily="2" charset="2"/>
        <a:buChar char="o"/>
        <a:defRPr sz="2000" kern="120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Clr>
          <a:srgbClr val="7F7F7F"/>
        </a:buClr>
        <a:buSzPct val="50000"/>
        <a:buFont typeface="Wingdings" panose="05000000000000000000" pitchFamily="2" charset="2"/>
        <a:buChar char="o"/>
        <a:defRPr sz="1800" kern="120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Clr>
          <a:srgbClr val="7F7F7F"/>
        </a:buClr>
        <a:buSzPct val="50000"/>
        <a:buFont typeface="Wingdings" panose="05000000000000000000" pitchFamily="2" charset="2"/>
        <a:buChar char="o"/>
        <a:defRPr sz="1800" kern="120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7" Type="http://schemas.openxmlformats.org/officeDocument/2006/relationships/image" Target="../media/image30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image" Target="../media/image7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5" Type="http://schemas.openxmlformats.org/officeDocument/2006/relationships/image" Target="../media/image7.png"/><Relationship Id="rId4" Type="http://schemas.openxmlformats.org/officeDocument/2006/relationships/image" Target="../media/image31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video" Target="../media/media3.mp4"/><Relationship Id="rId1" Type="http://schemas.microsoft.com/office/2007/relationships/media" Target="../media/media3.mp4"/><Relationship Id="rId5" Type="http://schemas.openxmlformats.org/officeDocument/2006/relationships/image" Target="../media/image32.png"/><Relationship Id="rId4" Type="http://schemas.openxmlformats.org/officeDocument/2006/relationships/image" Target="../media/image7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e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video" Target="../media/media4.mp4"/><Relationship Id="rId1" Type="http://schemas.microsoft.com/office/2007/relationships/media" Target="../media/media4.mp4"/><Relationship Id="rId5" Type="http://schemas.openxmlformats.org/officeDocument/2006/relationships/image" Target="../media/image34.png"/><Relationship Id="rId4" Type="http://schemas.openxmlformats.org/officeDocument/2006/relationships/image" Target="../media/image7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7" Type="http://schemas.microsoft.com/office/2007/relationships/hdphoto" Target="../media/hdphoto2.wdp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37.png"/><Relationship Id="rId5" Type="http://schemas.openxmlformats.org/officeDocument/2006/relationships/image" Target="../media/image36.jpeg"/><Relationship Id="rId4" Type="http://schemas.microsoft.com/office/2007/relationships/hdphoto" Target="../media/hdphoto1.wdp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7" Type="http://schemas.openxmlformats.org/officeDocument/2006/relationships/image" Target="../media/image7.png"/><Relationship Id="rId2" Type="http://schemas.openxmlformats.org/officeDocument/2006/relationships/image" Target="../media/image12.gif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ctrTitle"/>
          </p:nvPr>
        </p:nvSpPr>
        <p:spPr>
          <a:xfrm>
            <a:off x="4624251" y="4572149"/>
            <a:ext cx="3808549" cy="1035049"/>
          </a:xfrm>
        </p:spPr>
        <p:txBody>
          <a:bodyPr/>
          <a:lstStyle/>
          <a:p>
            <a:r>
              <a:rPr lang="en-GB" sz="3200" dirty="0" smtClean="0"/>
              <a:t>ACCURATe</a:t>
            </a:r>
            <a:br>
              <a:rPr lang="en-GB" sz="3200" dirty="0" smtClean="0"/>
            </a:br>
            <a:r>
              <a:rPr lang="en-GB" sz="3200" dirty="0" smtClean="0"/>
              <a:t>Project Overview</a:t>
            </a:r>
            <a:endParaRPr lang="en-GB" sz="3200" dirty="0"/>
          </a:p>
        </p:txBody>
      </p:sp>
      <p:sp>
        <p:nvSpPr>
          <p:cNvPr id="6" name="Subtitle 5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Nathan Hartley</a:t>
            </a:r>
            <a:endParaRPr lang="en-GB" dirty="0"/>
          </a:p>
        </p:txBody>
      </p:sp>
      <p:pic>
        <p:nvPicPr>
          <p:cNvPr id="4" name="Picture Placeholder 3"/>
          <p:cNvPicPr>
            <a:picLocks noGrp="1" noChangeAspect="1"/>
          </p:cNvPicPr>
          <p:nvPr>
            <p:ph type="pic"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52088" y="1234486"/>
            <a:ext cx="5851200" cy="4377722"/>
          </a:xfrm>
        </p:spPr>
      </p:pic>
    </p:spTree>
    <p:extLst>
      <p:ext uri="{BB962C8B-B14F-4D97-AF65-F5344CB8AC3E}">
        <p14:creationId xmlns:p14="http://schemas.microsoft.com/office/powerpoint/2010/main" val="13460031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467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altLang="en-US" dirty="0" smtClean="0"/>
              <a:t>System Overview</a:t>
            </a:r>
            <a:endParaRPr lang="en-GB" altLang="en-US" dirty="0"/>
          </a:p>
        </p:txBody>
      </p:sp>
      <p:sp>
        <p:nvSpPr>
          <p:cNvPr id="3" name="Rectangle 3"/>
          <p:cNvSpPr txBox="1">
            <a:spLocks noChangeArrowheads="1"/>
          </p:cNvSpPr>
          <p:nvPr/>
        </p:nvSpPr>
        <p:spPr>
          <a:xfrm>
            <a:off x="241138" y="1577871"/>
            <a:ext cx="3494837" cy="393488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891" indent="-342891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Wingdings" panose="05000000000000000000" pitchFamily="2" charset="2"/>
              <a:buChar char="§"/>
              <a:defRPr sz="2800" kern="1200">
                <a:solidFill>
                  <a:srgbClr val="7F7F7F"/>
                </a:solidFill>
                <a:latin typeface="+mn-lt"/>
                <a:ea typeface="+mn-ea"/>
                <a:cs typeface="+mn-cs"/>
              </a:defRPr>
            </a:lvl1pPr>
            <a:lvl2pPr marL="742932" indent="-28574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4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297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0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160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18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349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18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537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en-GB" altLang="en-US" sz="2000" dirty="0" smtClean="0"/>
              <a:t>6-axis robot mounted on linear track</a:t>
            </a:r>
          </a:p>
          <a:p>
            <a:pPr algn="just"/>
            <a:r>
              <a:rPr lang="en-GB" altLang="en-US" sz="2000" dirty="0" smtClean="0"/>
              <a:t>Fibre coupled, pulsed generation and detection lasers</a:t>
            </a:r>
          </a:p>
          <a:p>
            <a:pPr algn="just"/>
            <a:r>
              <a:rPr lang="en-GB" altLang="en-US" sz="2000" dirty="0" smtClean="0"/>
              <a:t>Interferometer and signal processing unit</a:t>
            </a:r>
          </a:p>
          <a:p>
            <a:pPr algn="just"/>
            <a:r>
              <a:rPr lang="en-GB" altLang="en-US" sz="2000" dirty="0" smtClean="0"/>
              <a:t>Fully integrated software for laser &amp; robot control, data acquisition and data analysis</a:t>
            </a:r>
          </a:p>
          <a:p>
            <a:pPr algn="just"/>
            <a:r>
              <a:rPr lang="en-GB" altLang="en-US" sz="2000" dirty="0" smtClean="0"/>
              <a:t>Two position superpanel mounting fixture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6" name="Picture 2" descr="C:\Users\martyn.lindop\AppData\Local\Microsoft\Windows\Temporary Internet Files\Content.Outlook\S33ITIL4\Accurate V4 snip1.PNG"/>
          <p:cNvPicPr>
            <a:picLocks noChangeAspect="1" noChangeArrowheads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963148" y="1133500"/>
            <a:ext cx="4895821" cy="43792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05810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467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altLang="en-US" dirty="0" smtClean="0"/>
              <a:t>Specification and performance*</a:t>
            </a:r>
            <a:endParaRPr lang="en-GB" altLang="en-US" dirty="0"/>
          </a:p>
        </p:txBody>
      </p:sp>
      <p:sp>
        <p:nvSpPr>
          <p:cNvPr id="3" name="Rectangle 3"/>
          <p:cNvSpPr txBox="1">
            <a:spLocks noChangeArrowheads="1"/>
          </p:cNvSpPr>
          <p:nvPr/>
        </p:nvSpPr>
        <p:spPr>
          <a:xfrm>
            <a:off x="381001" y="1480096"/>
            <a:ext cx="8928991" cy="4130830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342891" indent="-342891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Wingdings" panose="05000000000000000000" pitchFamily="2" charset="2"/>
              <a:buChar char="§"/>
              <a:defRPr sz="2800" kern="1200">
                <a:solidFill>
                  <a:srgbClr val="7F7F7F"/>
                </a:solidFill>
                <a:latin typeface="+mn-lt"/>
                <a:ea typeface="+mn-ea"/>
                <a:cs typeface="+mn-cs"/>
              </a:defRPr>
            </a:lvl1pPr>
            <a:lvl2pPr marL="742932" indent="-28574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4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297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0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160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18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349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18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537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en-GB" altLang="en-US" dirty="0" smtClean="0"/>
              <a:t>Inspection cell size (m): 8 x 7 x 5 (W x D x H)</a:t>
            </a:r>
          </a:p>
          <a:p>
            <a:pPr algn="just"/>
            <a:r>
              <a:rPr lang="en-GB" altLang="en-US" dirty="0" smtClean="0"/>
              <a:t>Inspection material types: Hybrid composite laminates</a:t>
            </a:r>
          </a:p>
          <a:p>
            <a:pPr algn="just"/>
            <a:r>
              <a:rPr lang="en-GB" altLang="en-US" dirty="0" smtClean="0"/>
              <a:t>Largest component: c. 17m</a:t>
            </a:r>
            <a:r>
              <a:rPr lang="en-GB" altLang="en-US" baseline="30000" dirty="0" smtClean="0"/>
              <a:t>2</a:t>
            </a:r>
            <a:r>
              <a:rPr lang="en-GB" altLang="en-US" dirty="0" smtClean="0"/>
              <a:t>  </a:t>
            </a:r>
          </a:p>
          <a:p>
            <a:pPr algn="just"/>
            <a:r>
              <a:rPr lang="en-GB" altLang="en-US" dirty="0" smtClean="0"/>
              <a:t>Maximum component thickness: 30ply + additional layers</a:t>
            </a:r>
          </a:p>
          <a:p>
            <a:pPr algn="just"/>
            <a:r>
              <a:rPr lang="en-GB" altLang="en-US" dirty="0" smtClean="0"/>
              <a:t>Inspection rate</a:t>
            </a:r>
            <a:r>
              <a:rPr lang="en-GB" altLang="en-US" dirty="0"/>
              <a:t>: &gt;8m</a:t>
            </a:r>
            <a:r>
              <a:rPr lang="en-GB" altLang="en-US" baseline="30000" dirty="0"/>
              <a:t>2</a:t>
            </a:r>
            <a:r>
              <a:rPr lang="en-GB" altLang="en-US" dirty="0"/>
              <a:t>/h</a:t>
            </a:r>
            <a:endParaRPr lang="en-GB" altLang="en-US" dirty="0" smtClean="0"/>
          </a:p>
          <a:p>
            <a:pPr algn="just"/>
            <a:r>
              <a:rPr lang="en-GB" altLang="en-US" dirty="0" smtClean="0"/>
              <a:t>Minimum detectable defect size: 6mm square</a:t>
            </a:r>
          </a:p>
          <a:p>
            <a:pPr algn="just"/>
            <a:r>
              <a:rPr lang="en-GB" altLang="en-US" dirty="0" smtClean="0"/>
              <a:t>Robot positional accuracy: </a:t>
            </a:r>
            <a:r>
              <a:rPr lang="en-GB" dirty="0" smtClean="0"/>
              <a:t>±</a:t>
            </a:r>
            <a:r>
              <a:rPr lang="en-GB" altLang="en-US" dirty="0" smtClean="0"/>
              <a:t>0.7mm</a:t>
            </a:r>
          </a:p>
          <a:p>
            <a:pPr algn="just"/>
            <a:r>
              <a:rPr lang="en-GB" altLang="en-US" dirty="0" smtClean="0"/>
              <a:t>Robot pose repeatability:  </a:t>
            </a:r>
            <a:r>
              <a:rPr lang="en-GB" dirty="0" smtClean="0"/>
              <a:t>±0.1mm </a:t>
            </a:r>
            <a:endParaRPr lang="en-GB" altLang="en-US" dirty="0" smtClean="0"/>
          </a:p>
          <a:p>
            <a:pPr algn="just"/>
            <a:r>
              <a:rPr lang="en-GB" altLang="en-US" dirty="0" smtClean="0"/>
              <a:t>Minimum robot step size: 0.1mm</a:t>
            </a:r>
          </a:p>
          <a:p>
            <a:pPr algn="just"/>
            <a:r>
              <a:rPr lang="en-GB" altLang="en-US" dirty="0"/>
              <a:t>Scanning </a:t>
            </a:r>
            <a:r>
              <a:rPr lang="en-GB" altLang="en-US" dirty="0" smtClean="0"/>
              <a:t>index: 0.5 - </a:t>
            </a:r>
            <a:r>
              <a:rPr lang="en-GB" altLang="en-US" dirty="0"/>
              <a:t>3 mm </a:t>
            </a:r>
            <a:r>
              <a:rPr lang="en-GB" altLang="en-US" dirty="0" smtClean="0"/>
              <a:t>(0.5 </a:t>
            </a:r>
            <a:r>
              <a:rPr lang="en-GB" altLang="en-US" dirty="0"/>
              <a:t>mm </a:t>
            </a:r>
            <a:r>
              <a:rPr lang="en-GB" altLang="en-US" dirty="0" smtClean="0"/>
              <a:t>increments)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sp>
        <p:nvSpPr>
          <p:cNvPr id="2" name="TextBox 1"/>
          <p:cNvSpPr txBox="1"/>
          <p:nvPr/>
        </p:nvSpPr>
        <p:spPr>
          <a:xfrm>
            <a:off x="5828386" y="5941182"/>
            <a:ext cx="266482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dirty="0" smtClean="0">
                <a:solidFill>
                  <a:schemeClr val="bg1">
                    <a:lumMod val="50000"/>
                  </a:schemeClr>
                </a:solidFill>
              </a:rPr>
              <a:t>* Design parameters</a:t>
            </a:r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389252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421504" y="1115596"/>
            <a:ext cx="5775925" cy="5128450"/>
          </a:xfrm>
          <a:prstGeom prst="rect">
            <a:avLst/>
          </a:prstGeom>
        </p:spPr>
      </p:pic>
      <p:sp>
        <p:nvSpPr>
          <p:cNvPr id="62467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altLang="en-US" dirty="0" smtClean="0"/>
              <a:t>Robotic system</a:t>
            </a:r>
            <a:endParaRPr lang="en-GB" altLang="en-US" dirty="0"/>
          </a:p>
        </p:txBody>
      </p:sp>
      <p:sp>
        <p:nvSpPr>
          <p:cNvPr id="3" name="Rectangle 3"/>
          <p:cNvSpPr txBox="1">
            <a:spLocks noChangeArrowheads="1"/>
          </p:cNvSpPr>
          <p:nvPr/>
        </p:nvSpPr>
        <p:spPr>
          <a:xfrm>
            <a:off x="381001" y="1776107"/>
            <a:ext cx="3694609" cy="420098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891" indent="-342891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Wingdings" panose="05000000000000000000" pitchFamily="2" charset="2"/>
              <a:buChar char="§"/>
              <a:defRPr sz="2800" kern="1200">
                <a:solidFill>
                  <a:srgbClr val="7F7F7F"/>
                </a:solidFill>
                <a:latin typeface="+mn-lt"/>
                <a:ea typeface="+mn-ea"/>
                <a:cs typeface="+mn-cs"/>
              </a:defRPr>
            </a:lvl1pPr>
            <a:lvl2pPr marL="742932" indent="-28574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4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297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0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160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18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349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18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537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en-GB" altLang="en-US" sz="2000" dirty="0" smtClean="0"/>
              <a:t>KR30-L16 robot manipulator</a:t>
            </a:r>
          </a:p>
          <a:p>
            <a:pPr algn="just"/>
            <a:r>
              <a:rPr lang="en-GB" altLang="en-US" sz="2000" dirty="0" smtClean="0"/>
              <a:t>KL1000 </a:t>
            </a:r>
            <a:r>
              <a:rPr lang="en-GB" altLang="en-US" sz="2000" dirty="0"/>
              <a:t>Linear Track with </a:t>
            </a:r>
            <a:r>
              <a:rPr lang="en-GB" altLang="en-US" sz="2000" dirty="0" smtClean="0"/>
              <a:t>2700mm travel </a:t>
            </a:r>
            <a:endParaRPr lang="en-GB" altLang="en-US" sz="2000" dirty="0"/>
          </a:p>
          <a:p>
            <a:pPr algn="just"/>
            <a:r>
              <a:rPr lang="en-GB" altLang="en-US" sz="2000" dirty="0" smtClean="0"/>
              <a:t>KRC4 </a:t>
            </a:r>
            <a:r>
              <a:rPr lang="en-GB" altLang="en-US" sz="2000" dirty="0"/>
              <a:t>Robot </a:t>
            </a:r>
            <a:r>
              <a:rPr lang="en-GB" altLang="en-US" sz="2000" dirty="0" smtClean="0"/>
              <a:t>Controller</a:t>
            </a:r>
            <a:endParaRPr lang="en-GB" altLang="en-US" sz="2000" dirty="0"/>
          </a:p>
          <a:p>
            <a:pPr algn="just"/>
            <a:r>
              <a:rPr lang="en-GB" altLang="en-US" sz="2000" dirty="0" smtClean="0"/>
              <a:t>5200mm </a:t>
            </a:r>
            <a:r>
              <a:rPr lang="en-GB" altLang="en-US" sz="2000" dirty="0"/>
              <a:t>wide loading doors &amp; cell access doors</a:t>
            </a:r>
          </a:p>
          <a:p>
            <a:pPr algn="just"/>
            <a:r>
              <a:rPr lang="en-GB" altLang="en-US" sz="2000" dirty="0" smtClean="0"/>
              <a:t>Integrated Fortress </a:t>
            </a:r>
            <a:r>
              <a:rPr lang="en-GB" altLang="en-US" sz="2000" dirty="0"/>
              <a:t>Interlock door locking / access system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185121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467" name="Title 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altLang="en-US" dirty="0" smtClean="0"/>
              <a:t>Laser Systems</a:t>
            </a:r>
            <a:endParaRPr lang="en-GB" altLang="en-US" dirty="0"/>
          </a:p>
        </p:txBody>
      </p:sp>
      <p:sp>
        <p:nvSpPr>
          <p:cNvPr id="3" name="Rectangle 3"/>
          <p:cNvSpPr txBox="1">
            <a:spLocks noChangeArrowheads="1"/>
          </p:cNvSpPr>
          <p:nvPr/>
        </p:nvSpPr>
        <p:spPr>
          <a:xfrm>
            <a:off x="381002" y="1133501"/>
            <a:ext cx="4334690" cy="4914602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42891" indent="-342891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Wingdings" panose="05000000000000000000" pitchFamily="2" charset="2"/>
              <a:buChar char="§"/>
              <a:defRPr sz="2800" kern="1200">
                <a:solidFill>
                  <a:srgbClr val="7F7F7F"/>
                </a:solidFill>
                <a:latin typeface="+mn-lt"/>
                <a:ea typeface="+mn-ea"/>
                <a:cs typeface="+mn-cs"/>
              </a:defRPr>
            </a:lvl1pPr>
            <a:lvl2pPr marL="742932" indent="-28574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4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297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0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160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18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349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18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537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en-GB" altLang="en-US" sz="2000" dirty="0"/>
              <a:t>Generation Laser: </a:t>
            </a:r>
          </a:p>
          <a:p>
            <a:pPr marL="400041" lvl="1" indent="0" algn="just">
              <a:buNone/>
            </a:pPr>
            <a:r>
              <a:rPr lang="en-GB" altLang="en-US" sz="1800" dirty="0"/>
              <a:t>Type: diode pumped solid state laser</a:t>
            </a:r>
          </a:p>
          <a:p>
            <a:pPr marL="400041" lvl="1" indent="0" algn="just">
              <a:buNone/>
            </a:pPr>
            <a:r>
              <a:rPr lang="en-GB" altLang="en-US" sz="1800" dirty="0" smtClean="0"/>
              <a:t>Wavelength</a:t>
            </a:r>
            <a:r>
              <a:rPr lang="en-GB" altLang="en-US" sz="1800" dirty="0"/>
              <a:t>: 532 nm</a:t>
            </a:r>
          </a:p>
          <a:p>
            <a:pPr marL="400041" lvl="1" indent="0" algn="just">
              <a:buNone/>
            </a:pPr>
            <a:r>
              <a:rPr lang="en-GB" altLang="en-US" sz="1800" dirty="0"/>
              <a:t>Pulse length: 10 ns</a:t>
            </a:r>
          </a:p>
          <a:p>
            <a:pPr marL="400041" lvl="1" indent="0" algn="just">
              <a:buNone/>
            </a:pPr>
            <a:r>
              <a:rPr lang="en-GB" altLang="en-US" sz="1800" dirty="0"/>
              <a:t>Pulse repetition rate: 400 Hz</a:t>
            </a:r>
          </a:p>
          <a:p>
            <a:pPr marL="400041" lvl="1" indent="0" algn="just">
              <a:buNone/>
            </a:pPr>
            <a:r>
              <a:rPr lang="en-GB" altLang="en-US" sz="1800" dirty="0"/>
              <a:t>Beam diameter: 4 mm</a:t>
            </a:r>
          </a:p>
          <a:p>
            <a:pPr marL="400041" lvl="1" indent="0" algn="just">
              <a:buNone/>
            </a:pPr>
            <a:r>
              <a:rPr lang="en-GB" altLang="en-US" sz="1800" dirty="0"/>
              <a:t>Pulse energy 30 mJ (at fibre output)</a:t>
            </a:r>
          </a:p>
          <a:p>
            <a:pPr marL="0" indent="0" algn="just">
              <a:buNone/>
            </a:pPr>
            <a:r>
              <a:rPr lang="en-GB" altLang="en-US" sz="2000" dirty="0"/>
              <a:t>Detection Laser: </a:t>
            </a:r>
          </a:p>
          <a:p>
            <a:pPr marL="400041" lvl="1" indent="0" algn="just">
              <a:buNone/>
            </a:pPr>
            <a:r>
              <a:rPr lang="en-GB" altLang="en-US" sz="1800" dirty="0"/>
              <a:t>Type: diode pumped continuous wave  / Nd:YAG laser</a:t>
            </a:r>
          </a:p>
          <a:p>
            <a:pPr marL="400041" lvl="1" indent="0" algn="just">
              <a:buNone/>
            </a:pPr>
            <a:r>
              <a:rPr lang="en-GB" altLang="en-US" sz="1800" dirty="0" smtClean="0"/>
              <a:t>Wavelength</a:t>
            </a:r>
            <a:r>
              <a:rPr lang="en-GB" altLang="en-US" sz="1800" dirty="0"/>
              <a:t>: 1064 nm</a:t>
            </a:r>
          </a:p>
          <a:p>
            <a:pPr marL="400041" lvl="1" indent="0" algn="just">
              <a:buNone/>
            </a:pPr>
            <a:r>
              <a:rPr lang="en-GB" altLang="en-US" sz="1800" dirty="0"/>
              <a:t>Pulse repetition rate: 400 Hz</a:t>
            </a:r>
          </a:p>
          <a:p>
            <a:pPr marL="400041" lvl="1" indent="0" algn="just">
              <a:buNone/>
            </a:pPr>
            <a:r>
              <a:rPr lang="en-GB" altLang="en-US" sz="1800" dirty="0"/>
              <a:t>Pulse length: 50 µs</a:t>
            </a:r>
          </a:p>
          <a:p>
            <a:pPr marL="400041" lvl="1" indent="0" algn="just">
              <a:buNone/>
            </a:pPr>
            <a:r>
              <a:rPr lang="en-GB" altLang="en-US" sz="1800" dirty="0"/>
              <a:t>Pulse energy 35 mJ (at fibre output)</a:t>
            </a:r>
          </a:p>
          <a:p>
            <a:pPr marL="0" indent="0" algn="just">
              <a:buFont typeface="Wingdings" panose="05000000000000000000" pitchFamily="2" charset="2"/>
              <a:buNone/>
            </a:pPr>
            <a:endParaRPr lang="en-GB" altLang="en-US" sz="2000" dirty="0" smtClean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24697" y="2384387"/>
            <a:ext cx="3824667" cy="21484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776629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467" name="Title 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altLang="en-US" dirty="0" smtClean="0"/>
              <a:t>Optical Systems</a:t>
            </a:r>
            <a:endParaRPr lang="en-GB" altLang="en-US" dirty="0"/>
          </a:p>
        </p:txBody>
      </p:sp>
      <p:sp>
        <p:nvSpPr>
          <p:cNvPr id="3" name="Rectangle 3"/>
          <p:cNvSpPr txBox="1">
            <a:spLocks noChangeArrowheads="1"/>
          </p:cNvSpPr>
          <p:nvPr/>
        </p:nvSpPr>
        <p:spPr>
          <a:xfrm>
            <a:off x="381001" y="1172897"/>
            <a:ext cx="4526804" cy="4914602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42891" indent="-342891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Wingdings" panose="05000000000000000000" pitchFamily="2" charset="2"/>
              <a:buChar char="§"/>
              <a:defRPr sz="2800" kern="1200">
                <a:solidFill>
                  <a:srgbClr val="7F7F7F"/>
                </a:solidFill>
                <a:latin typeface="+mn-lt"/>
                <a:ea typeface="+mn-ea"/>
                <a:cs typeface="+mn-cs"/>
              </a:defRPr>
            </a:lvl1pPr>
            <a:lvl2pPr marL="742932" indent="-28574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4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297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0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160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18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349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18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537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en-GB" altLang="en-US" sz="2000" dirty="0" smtClean="0"/>
              <a:t>Passive optical laser head</a:t>
            </a:r>
          </a:p>
          <a:p>
            <a:pPr algn="just"/>
            <a:r>
              <a:rPr lang="en-GB" altLang="en-US" sz="2000" dirty="0" smtClean="0"/>
              <a:t>Fibre coupled to stationery </a:t>
            </a:r>
            <a:r>
              <a:rPr lang="en-GB" altLang="en-US" sz="2000" dirty="0"/>
              <a:t>two wave mixing (TWM) </a:t>
            </a:r>
            <a:r>
              <a:rPr lang="en-GB" altLang="en-US" sz="2000" dirty="0" smtClean="0"/>
              <a:t>interferometer unit</a:t>
            </a:r>
          </a:p>
          <a:p>
            <a:pPr algn="just"/>
            <a:r>
              <a:rPr lang="en-GB" altLang="en-US" sz="2000" dirty="0" smtClean="0"/>
              <a:t>Back scattered light from sample surface converted to amplitude changes </a:t>
            </a:r>
          </a:p>
          <a:p>
            <a:pPr algn="just"/>
            <a:r>
              <a:rPr lang="en-GB" altLang="en-US" sz="2000" dirty="0" smtClean="0"/>
              <a:t>Amplitude changes measured by photodetectors (photodiodes)</a:t>
            </a:r>
          </a:p>
          <a:p>
            <a:pPr marL="0" indent="0" algn="just">
              <a:buFont typeface="Wingdings" panose="05000000000000000000" pitchFamily="2" charset="2"/>
              <a:buNone/>
            </a:pPr>
            <a:endParaRPr lang="en-GB" altLang="en-US" sz="2000" dirty="0" smtClean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43207" y="1172897"/>
            <a:ext cx="3615762" cy="2345359"/>
          </a:xfrm>
          <a:prstGeom prst="rect">
            <a:avLst/>
          </a:prstGeom>
        </p:spPr>
      </p:pic>
      <p:pic>
        <p:nvPicPr>
          <p:cNvPr id="7" name="Grafik 3"/>
          <p:cNvPicPr/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07805" y="3398247"/>
            <a:ext cx="3288665" cy="2466975"/>
          </a:xfrm>
          <a:prstGeom prst="rect">
            <a:avLst/>
          </a:prstGeom>
        </p:spPr>
      </p:pic>
      <p:pic>
        <p:nvPicPr>
          <p:cNvPr id="6" name="Grafik 2"/>
          <p:cNvPicPr/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1964297" y="4148648"/>
            <a:ext cx="3141617" cy="2228542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11069639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467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altLang="en-US" dirty="0" smtClean="0"/>
              <a:t>Software</a:t>
            </a:r>
            <a:endParaRPr lang="en-GB" altLang="en-US" dirty="0"/>
          </a:p>
        </p:txBody>
      </p:sp>
      <p:sp>
        <p:nvSpPr>
          <p:cNvPr id="3" name="Rectangle 3"/>
          <p:cNvSpPr txBox="1">
            <a:spLocks noChangeArrowheads="1"/>
          </p:cNvSpPr>
          <p:nvPr/>
        </p:nvSpPr>
        <p:spPr>
          <a:xfrm>
            <a:off x="381001" y="1115598"/>
            <a:ext cx="6672942" cy="4444339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defPPr>
              <a:defRPr lang="en-US"/>
            </a:defPPr>
            <a:lvl1pPr marL="342891" indent="-342891" algn="just" defTabSz="914377">
              <a:lnSpc>
                <a:spcPct val="90000"/>
              </a:lnSpc>
              <a:spcBef>
                <a:spcPts val="1000"/>
              </a:spcBef>
              <a:buFont typeface="Wingdings" panose="05000000000000000000" pitchFamily="2" charset="2"/>
              <a:buChar char="§"/>
              <a:defRPr sz="2000">
                <a:solidFill>
                  <a:srgbClr val="7F7F7F"/>
                </a:solidFill>
              </a:defRPr>
            </a:lvl1pPr>
            <a:lvl2pPr marL="742932" indent="-285744" defTabSz="914377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400">
                <a:solidFill>
                  <a:schemeClr val="bg1">
                    <a:lumMod val="50000"/>
                  </a:schemeClr>
                </a:solidFill>
              </a:defRPr>
            </a:lvl2pPr>
            <a:lvl3pPr marL="1142971" indent="-228594" defTabSz="914377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 sz="2000">
                <a:solidFill>
                  <a:schemeClr val="bg1">
                    <a:lumMod val="50000"/>
                  </a:schemeClr>
                </a:solidFill>
              </a:defRPr>
            </a:lvl3pPr>
            <a:lvl4pPr marL="1600160" indent="-228594" defTabSz="914377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>
                <a:solidFill>
                  <a:schemeClr val="bg1">
                    <a:lumMod val="50000"/>
                  </a:schemeClr>
                </a:solidFill>
              </a:defRPr>
            </a:lvl4pPr>
            <a:lvl5pPr marL="2057349" indent="-228594" defTabSz="914377">
              <a:lnSpc>
                <a:spcPct val="90000"/>
              </a:lnSpc>
              <a:spcBef>
                <a:spcPts val="500"/>
              </a:spcBef>
              <a:buClr>
                <a:srgbClr val="7F7F7F"/>
              </a:buClr>
              <a:buSzPct val="50000"/>
              <a:buFont typeface="Wingdings" panose="05000000000000000000" pitchFamily="2" charset="2"/>
              <a:buChar char=""/>
              <a:defRPr>
                <a:solidFill>
                  <a:schemeClr val="bg1">
                    <a:lumMod val="50000"/>
                  </a:schemeClr>
                </a:solidFill>
              </a:defRPr>
            </a:lvl5pPr>
            <a:lvl6pPr marL="2514537" indent="-228594" defTabSz="914377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726" indent="-228594" defTabSz="914377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8914" indent="-228594" defTabSz="914377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103" indent="-228594" defTabSz="914377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r>
              <a:rPr lang="en-GB" altLang="en-US" dirty="0"/>
              <a:t>Bespoke software </a:t>
            </a:r>
            <a:r>
              <a:rPr lang="en-GB" altLang="en-US" dirty="0" smtClean="0"/>
              <a:t>for </a:t>
            </a:r>
            <a:r>
              <a:rPr lang="en-GB" altLang="en-US" dirty="0"/>
              <a:t>data acquisition, analysis and visualisation of inspection </a:t>
            </a:r>
            <a:r>
              <a:rPr lang="en-GB" altLang="en-US" dirty="0" smtClean="0"/>
              <a:t>results</a:t>
            </a:r>
          </a:p>
          <a:p>
            <a:r>
              <a:rPr lang="en-GB" altLang="en-US" dirty="0" smtClean="0"/>
              <a:t>Display </a:t>
            </a:r>
            <a:r>
              <a:rPr lang="en-GB" altLang="en-US" dirty="0"/>
              <a:t>and analyse data in A-scan, B-Scan and 3D view</a:t>
            </a:r>
          </a:p>
          <a:p>
            <a:r>
              <a:rPr lang="en-GB" altLang="en-US" dirty="0" smtClean="0"/>
              <a:t>Offline data processing &amp; visualisation</a:t>
            </a:r>
          </a:p>
          <a:p>
            <a:r>
              <a:rPr lang="en-GB" altLang="en-US" dirty="0" smtClean="0"/>
              <a:t>Full </a:t>
            </a:r>
            <a:r>
              <a:rPr lang="en-GB" altLang="en-US" dirty="0"/>
              <a:t>interaction with the 3D model</a:t>
            </a:r>
          </a:p>
          <a:p>
            <a:r>
              <a:rPr lang="en-GB" altLang="en-US" dirty="0" smtClean="0"/>
              <a:t>Indication </a:t>
            </a:r>
            <a:r>
              <a:rPr lang="en-GB" altLang="en-US" dirty="0"/>
              <a:t>logging and </a:t>
            </a:r>
            <a:r>
              <a:rPr lang="en-GB" altLang="en-US" dirty="0" smtClean="0"/>
              <a:t>reporting</a:t>
            </a:r>
            <a:endParaRPr lang="en-GB" alt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65182" y="2610570"/>
            <a:ext cx="4332414" cy="32154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5614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467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altLang="en-US" dirty="0" smtClean="0"/>
              <a:t>Offline Path Planning &amp; Simulation</a:t>
            </a:r>
            <a:endParaRPr lang="en-GB" altLang="en-US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72446" y="6036572"/>
            <a:ext cx="1445768" cy="44305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142237" y="6036572"/>
            <a:ext cx="889560" cy="341752"/>
          </a:xfrm>
          <a:prstGeom prst="rect">
            <a:avLst/>
          </a:prstGeom>
        </p:spPr>
      </p:pic>
      <p:pic>
        <p:nvPicPr>
          <p:cNvPr id="6" name="Accurate_visualisation2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 rotWithShape="1">
          <a:blip r:embed="rId7"/>
          <a:srcRect l="162" r="162"/>
          <a:stretch>
            <a:fillRect/>
          </a:stretch>
        </p:blipFill>
        <p:spPr>
          <a:xfrm>
            <a:off x="381001" y="1284839"/>
            <a:ext cx="8416395" cy="43572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8103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  <p:video>
              <p:cMediaNode vol="80000" mute="1">
                <p:cTn id="7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Bench Testing </a:t>
            </a:r>
            <a:endParaRPr lang="en-GB" dirty="0"/>
          </a:p>
        </p:txBody>
      </p:sp>
      <p:pic>
        <p:nvPicPr>
          <p:cNvPr id="5" name="ACCURATe_measurement_refSample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395536" y="1068318"/>
            <a:ext cx="8258484" cy="464539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65163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vol="80000" mute="1">
                <p:cTn id="7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467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altLang="en-US" dirty="0" smtClean="0"/>
              <a:t>System Testing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3" name="VID_20190724_175801_Trim">
            <a:hlinkClick r:id="" action="ppaction://media"/>
          </p:cNvPr>
          <p:cNvPicPr>
            <a:picLocks noGrp="1" noChangeAspect="1"/>
          </p:cNvPicPr>
          <p:nvPr>
            <p:ph idx="1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381000" y="1255713"/>
            <a:ext cx="8367713" cy="4706937"/>
          </a:xfrm>
        </p:spPr>
      </p:pic>
    </p:spTree>
    <p:extLst>
      <p:ext uri="{BB962C8B-B14F-4D97-AF65-F5344CB8AC3E}">
        <p14:creationId xmlns:p14="http://schemas.microsoft.com/office/powerpoint/2010/main" val="25720145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  <p:video>
              <p:cMediaNode vol="80000" mute="1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467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ltrasonic results</a:t>
            </a:r>
            <a:endParaRPr lang="en-GB" alt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1639" y="1550805"/>
            <a:ext cx="7707086" cy="41184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79094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/>
            <a:r>
              <a:rPr lang="en-GB" altLang="en-US" dirty="0" smtClean="0"/>
              <a:t>Introduction</a:t>
            </a:r>
            <a:endParaRPr lang="en-US" altLang="en-US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1005836" y="1180805"/>
            <a:ext cx="8138164" cy="4849288"/>
          </a:xfrm>
        </p:spPr>
        <p:txBody>
          <a:bodyPr>
            <a:normAutofit/>
          </a:bodyPr>
          <a:lstStyle/>
          <a:p>
            <a:pPr marL="0" indent="0" algn="just">
              <a:lnSpc>
                <a:spcPct val="100000"/>
              </a:lnSpc>
              <a:buNone/>
            </a:pPr>
            <a:r>
              <a:rPr lang="en-GB" altLang="en-US" sz="3600" b="1" dirty="0" smtClean="0"/>
              <a:t>A</a:t>
            </a:r>
            <a:r>
              <a:rPr lang="en-GB" altLang="en-US" sz="3600" dirty="0" smtClean="0">
                <a:solidFill>
                  <a:schemeClr val="bg1">
                    <a:lumMod val="65000"/>
                  </a:schemeClr>
                </a:solidFill>
              </a:rPr>
              <a:t>erospace</a:t>
            </a:r>
          </a:p>
          <a:p>
            <a:pPr marL="0" indent="0" algn="just">
              <a:lnSpc>
                <a:spcPct val="100000"/>
              </a:lnSpc>
              <a:buNone/>
            </a:pPr>
            <a:r>
              <a:rPr lang="en-GB" altLang="en-US" sz="3600" b="1" dirty="0" smtClean="0"/>
              <a:t>C</a:t>
            </a:r>
            <a:r>
              <a:rPr lang="en-GB" altLang="en-US" sz="3600" dirty="0" smtClean="0">
                <a:solidFill>
                  <a:schemeClr val="bg1">
                    <a:lumMod val="65000"/>
                  </a:schemeClr>
                </a:solidFill>
              </a:rPr>
              <a:t>omposite</a:t>
            </a:r>
          </a:p>
          <a:p>
            <a:pPr marL="0" indent="0" algn="just">
              <a:lnSpc>
                <a:spcPct val="100000"/>
              </a:lnSpc>
              <a:buNone/>
            </a:pPr>
            <a:r>
              <a:rPr lang="en-GB" altLang="en-US" sz="3600" b="1" dirty="0" smtClean="0"/>
              <a:t>C</a:t>
            </a:r>
            <a:r>
              <a:rPr lang="en-GB" altLang="en-US" sz="3600" dirty="0" smtClean="0">
                <a:solidFill>
                  <a:schemeClr val="bg1">
                    <a:lumMod val="65000"/>
                  </a:schemeClr>
                </a:solidFill>
              </a:rPr>
              <a:t>omponents</a:t>
            </a:r>
          </a:p>
          <a:p>
            <a:pPr marL="0" indent="0" algn="just">
              <a:lnSpc>
                <a:spcPct val="100000"/>
              </a:lnSpc>
              <a:buNone/>
            </a:pPr>
            <a:r>
              <a:rPr lang="en-GB" altLang="en-US" sz="3600" b="1" dirty="0" smtClean="0"/>
              <a:t>U</a:t>
            </a:r>
            <a:r>
              <a:rPr lang="en-GB" altLang="en-US" sz="3600" dirty="0" smtClean="0">
                <a:solidFill>
                  <a:schemeClr val="bg1">
                    <a:lumMod val="65000"/>
                  </a:schemeClr>
                </a:solidFill>
              </a:rPr>
              <a:t>ltrasonic</a:t>
            </a:r>
          </a:p>
          <a:p>
            <a:pPr marL="0" indent="0" algn="just">
              <a:lnSpc>
                <a:spcPct val="100000"/>
              </a:lnSpc>
              <a:buNone/>
            </a:pPr>
            <a:r>
              <a:rPr lang="en-GB" altLang="en-US" sz="3600" b="1" dirty="0" smtClean="0"/>
              <a:t>R</a:t>
            </a:r>
            <a:r>
              <a:rPr lang="en-GB" altLang="en-US" sz="3600" dirty="0" smtClean="0">
                <a:solidFill>
                  <a:schemeClr val="bg1">
                    <a:lumMod val="65000"/>
                  </a:schemeClr>
                </a:solidFill>
              </a:rPr>
              <a:t>obot</a:t>
            </a:r>
          </a:p>
          <a:p>
            <a:pPr marL="0" indent="0" algn="just">
              <a:lnSpc>
                <a:spcPct val="100000"/>
              </a:lnSpc>
              <a:buNone/>
            </a:pPr>
            <a:r>
              <a:rPr lang="en-GB" altLang="en-US" sz="3600" b="1" dirty="0" smtClean="0"/>
              <a:t>A</a:t>
            </a:r>
            <a:r>
              <a:rPr lang="en-GB" altLang="en-US" sz="3600" dirty="0" smtClean="0">
                <a:solidFill>
                  <a:schemeClr val="bg1">
                    <a:lumMod val="65000"/>
                  </a:schemeClr>
                </a:solidFill>
              </a:rPr>
              <a:t>ssisted</a:t>
            </a:r>
          </a:p>
          <a:p>
            <a:pPr marL="0" indent="0" algn="just">
              <a:lnSpc>
                <a:spcPct val="100000"/>
              </a:lnSpc>
              <a:buNone/>
            </a:pPr>
            <a:r>
              <a:rPr lang="en-GB" altLang="en-US" sz="3600" b="1" dirty="0" smtClean="0"/>
              <a:t>Te</a:t>
            </a:r>
            <a:r>
              <a:rPr lang="en-GB" altLang="en-US" sz="3600" dirty="0" smtClean="0">
                <a:solidFill>
                  <a:schemeClr val="bg1">
                    <a:lumMod val="65000"/>
                  </a:schemeClr>
                </a:solidFill>
              </a:rPr>
              <a:t>sting</a:t>
            </a:r>
            <a:endParaRPr lang="en-GB" altLang="en-US" sz="3600" dirty="0">
              <a:solidFill>
                <a:schemeClr val="bg1">
                  <a:lumMod val="65000"/>
                </a:schemeClr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598126" y="1180805"/>
            <a:ext cx="3458423" cy="49659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64248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altLang="en-US" dirty="0"/>
              <a:t>System Testing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2" name="20190913_141231_42048216339019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145179" y="1115598"/>
            <a:ext cx="6810102" cy="51075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33942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  <p:video>
              <p:cMediaNode vol="80000" mute="1">
                <p:cTn id="7" fill="hold" display="0">
                  <p:stCondLst>
                    <p:cond delay="indefinite"/>
                  </p:st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altLang="en-US" dirty="0"/>
              <a:t>System Testing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screen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53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17708" y="4514331"/>
            <a:ext cx="3538448" cy="160762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17708" y="1284839"/>
            <a:ext cx="8038463" cy="265760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 cstate="screen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rightnessContrast bright="5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17720" y="4514330"/>
            <a:ext cx="3538451" cy="1607621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517708" y="4018104"/>
            <a:ext cx="5666679" cy="42056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133" dirty="0">
                <a:solidFill>
                  <a:schemeClr val="bg1">
                    <a:lumMod val="50000"/>
                  </a:schemeClr>
                </a:solidFill>
                <a:latin typeface="+mj-lt"/>
              </a:rPr>
              <a:t>Rear views of the panel showing stringers and ribs</a:t>
            </a:r>
          </a:p>
        </p:txBody>
      </p:sp>
    </p:spTree>
    <p:extLst>
      <p:ext uri="{BB962C8B-B14F-4D97-AF65-F5344CB8AC3E}">
        <p14:creationId xmlns:p14="http://schemas.microsoft.com/office/powerpoint/2010/main" val="10912456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31631" y="1284839"/>
            <a:ext cx="8427338" cy="4479147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Ultrasonic results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35683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/>
            <a:r>
              <a:rPr lang="en-GB" altLang="en-US" dirty="0" smtClean="0"/>
              <a:t>Programme &amp; Progress</a:t>
            </a:r>
            <a:endParaRPr lang="en-US" altLang="en-US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81001" y="1284839"/>
            <a:ext cx="8098975" cy="4449755"/>
          </a:xfrm>
        </p:spPr>
        <p:txBody>
          <a:bodyPr>
            <a:normAutofit lnSpcReduction="10000"/>
          </a:bodyPr>
          <a:lstStyle/>
          <a:p>
            <a:pPr marL="0" indent="0" algn="just">
              <a:buNone/>
            </a:pPr>
            <a:r>
              <a:rPr lang="en-GB" altLang="en-US" dirty="0" smtClean="0"/>
              <a:t>Current status:</a:t>
            </a:r>
          </a:p>
          <a:p>
            <a:pPr lvl="1" algn="just"/>
            <a:r>
              <a:rPr lang="en-GB" altLang="en-US" dirty="0" smtClean="0"/>
              <a:t>Prototype </a:t>
            </a:r>
            <a:r>
              <a:rPr lang="en-GB" altLang="en-US" dirty="0"/>
              <a:t>LUT system </a:t>
            </a:r>
            <a:r>
              <a:rPr lang="en-GB" altLang="en-US" dirty="0" smtClean="0"/>
              <a:t>commissioned</a:t>
            </a:r>
          </a:p>
          <a:p>
            <a:pPr lvl="1" algn="just"/>
            <a:r>
              <a:rPr lang="en-GB" altLang="en-US" dirty="0" smtClean="0"/>
              <a:t>LUT </a:t>
            </a:r>
            <a:r>
              <a:rPr lang="en-GB" altLang="en-US" dirty="0"/>
              <a:t>data acquisition and analysis software </a:t>
            </a:r>
            <a:r>
              <a:rPr lang="en-GB" altLang="en-US" dirty="0" smtClean="0"/>
              <a:t>passed initial testing</a:t>
            </a:r>
            <a:endParaRPr lang="en-GB" altLang="en-US" dirty="0"/>
          </a:p>
          <a:p>
            <a:pPr lvl="1" algn="just"/>
            <a:r>
              <a:rPr lang="en-GB" altLang="en-US" dirty="0" smtClean="0"/>
              <a:t>Proof of concept</a:t>
            </a:r>
            <a:endParaRPr lang="en-GB" altLang="en-US" dirty="0"/>
          </a:p>
          <a:p>
            <a:pPr marL="0" indent="0" algn="just">
              <a:buNone/>
            </a:pPr>
            <a:r>
              <a:rPr lang="en-GB" altLang="en-US" dirty="0" smtClean="0"/>
              <a:t>Next steps:</a:t>
            </a:r>
          </a:p>
          <a:p>
            <a:pPr lvl="1" algn="just"/>
            <a:r>
              <a:rPr lang="en-GB" altLang="en-US" dirty="0" smtClean="0"/>
              <a:t>Complete integrated system tests </a:t>
            </a:r>
          </a:p>
          <a:p>
            <a:pPr lvl="1" algn="just"/>
            <a:r>
              <a:rPr lang="en-GB" altLang="en-US" dirty="0" smtClean="0"/>
              <a:t>Installation at Topic Manager site</a:t>
            </a:r>
          </a:p>
          <a:p>
            <a:pPr lvl="1" algn="just"/>
            <a:r>
              <a:rPr lang="en-GB" altLang="en-US" dirty="0" smtClean="0"/>
              <a:t>System validation trials &amp; performance tests</a:t>
            </a:r>
          </a:p>
          <a:p>
            <a:pPr lvl="1" algn="just"/>
            <a:r>
              <a:rPr lang="en-GB" altLang="en-US" dirty="0" smtClean="0"/>
              <a:t>CE Marking</a:t>
            </a:r>
          </a:p>
          <a:p>
            <a:pPr lvl="1" algn="just"/>
            <a:r>
              <a:rPr lang="en-GB" altLang="en-US" dirty="0" smtClean="0"/>
              <a:t>Completion – Q1 2020</a:t>
            </a:r>
          </a:p>
          <a:p>
            <a:pPr lvl="1" algn="just"/>
            <a:endParaRPr lang="en-GB" alt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33832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7786" y="6247921"/>
            <a:ext cx="474809" cy="383999"/>
          </a:xfrm>
          <a:prstGeom prst="rect">
            <a:avLst/>
          </a:prstGeom>
        </p:spPr>
      </p:pic>
      <p:sp>
        <p:nvSpPr>
          <p:cNvPr id="14" name="TextBox 13"/>
          <p:cNvSpPr txBox="1"/>
          <p:nvPr/>
        </p:nvSpPr>
        <p:spPr>
          <a:xfrm>
            <a:off x="662595" y="410081"/>
            <a:ext cx="6221531" cy="1596519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 defTabSz="914377">
              <a:lnSpc>
                <a:spcPct val="90000"/>
              </a:lnSpc>
              <a:spcBef>
                <a:spcPct val="0"/>
              </a:spcBef>
              <a:buNone/>
              <a:defRPr sz="36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4800" dirty="0"/>
              <a:t>Questions ?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860780" y="3302647"/>
            <a:ext cx="514795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3600" dirty="0">
                <a:solidFill>
                  <a:schemeClr val="bg1">
                    <a:lumMod val="50000"/>
                  </a:schemeClr>
                </a:solidFill>
              </a:rPr>
              <a:t>www.accurate-project.eu</a:t>
            </a:r>
          </a:p>
        </p:txBody>
      </p:sp>
      <p:pic>
        <p:nvPicPr>
          <p:cNvPr id="15" name="Picture 14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75020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/>
          <p:cNvCxnSpPr/>
          <p:nvPr/>
        </p:nvCxnSpPr>
        <p:spPr>
          <a:xfrm>
            <a:off x="206831" y="279400"/>
            <a:ext cx="0" cy="17272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7786" y="6247921"/>
            <a:ext cx="474809" cy="383999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1873844" y="2270681"/>
            <a:ext cx="5147953" cy="286232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3600" dirty="0">
                <a:solidFill>
                  <a:schemeClr val="bg1">
                    <a:lumMod val="50000"/>
                  </a:schemeClr>
                </a:solidFill>
              </a:rPr>
              <a:t>Thank you for </a:t>
            </a:r>
            <a:r>
              <a:rPr lang="en-GB" sz="3600" dirty="0" smtClean="0">
                <a:solidFill>
                  <a:schemeClr val="bg1">
                    <a:lumMod val="50000"/>
                  </a:schemeClr>
                </a:solidFill>
              </a:rPr>
              <a:t>listening</a:t>
            </a:r>
          </a:p>
          <a:p>
            <a:pPr algn="ctr"/>
            <a:endParaRPr lang="en-GB" sz="3600" dirty="0">
              <a:solidFill>
                <a:schemeClr val="bg1">
                  <a:lumMod val="50000"/>
                </a:schemeClr>
              </a:solidFill>
            </a:endParaRPr>
          </a:p>
          <a:p>
            <a:pPr algn="ctr"/>
            <a:r>
              <a:rPr lang="en-GB" sz="3600" dirty="0" smtClean="0">
                <a:solidFill>
                  <a:schemeClr val="bg1">
                    <a:lumMod val="50000"/>
                  </a:schemeClr>
                </a:solidFill>
              </a:rPr>
              <a:t>nathan.hartley@twi.co.uk</a:t>
            </a:r>
            <a:endParaRPr lang="en-GB" sz="3600" dirty="0">
              <a:solidFill>
                <a:schemeClr val="bg1">
                  <a:lumMod val="50000"/>
                </a:schemeClr>
              </a:solidFill>
            </a:endParaRPr>
          </a:p>
          <a:p>
            <a:pPr algn="ctr"/>
            <a:r>
              <a:rPr lang="en-GB" sz="3600" dirty="0">
                <a:solidFill>
                  <a:schemeClr val="bg1">
                    <a:lumMod val="50000"/>
                  </a:schemeClr>
                </a:solidFill>
              </a:rPr>
              <a:t>+44 (0)1639 873100</a:t>
            </a:r>
          </a:p>
          <a:p>
            <a:pPr algn="ctr"/>
            <a:r>
              <a:rPr lang="en-GB" sz="3600" dirty="0">
                <a:solidFill>
                  <a:schemeClr val="bg1">
                    <a:lumMod val="50000"/>
                  </a:schemeClr>
                </a:solidFill>
              </a:rPr>
              <a:t>+44 (</a:t>
            </a:r>
            <a:r>
              <a:rPr lang="en-GB" sz="3600" dirty="0" smtClean="0">
                <a:solidFill>
                  <a:schemeClr val="bg1">
                    <a:lumMod val="50000"/>
                  </a:schemeClr>
                </a:solidFill>
              </a:rPr>
              <a:t>0)7890 678785</a:t>
            </a:r>
            <a:endParaRPr lang="en-GB" sz="3600" dirty="0">
              <a:solidFill>
                <a:schemeClr val="bg1">
                  <a:lumMod val="50000"/>
                </a:schemeClr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32967" y="919378"/>
            <a:ext cx="2829705" cy="9616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61329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/>
            <a:r>
              <a:rPr lang="en-GB" altLang="en-US" dirty="0" smtClean="0"/>
              <a:t>The ACCURATe Project - Background</a:t>
            </a:r>
            <a:endParaRPr lang="en-US" altLang="en-US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81001" y="1488385"/>
            <a:ext cx="8928991" cy="3939728"/>
          </a:xfrm>
        </p:spPr>
        <p:txBody>
          <a:bodyPr>
            <a:normAutofit/>
          </a:bodyPr>
          <a:lstStyle/>
          <a:p>
            <a:pPr algn="just"/>
            <a:r>
              <a:rPr lang="en-GB" altLang="en-US" dirty="0" smtClean="0"/>
              <a:t>Part </a:t>
            </a:r>
            <a:r>
              <a:rPr lang="en-GB" altLang="en-US" dirty="0"/>
              <a:t>of </a:t>
            </a:r>
            <a:r>
              <a:rPr lang="en-GB" altLang="en-US" dirty="0" smtClean="0"/>
              <a:t>Clean </a:t>
            </a:r>
            <a:r>
              <a:rPr lang="en-GB" altLang="en-US" dirty="0"/>
              <a:t>Sky </a:t>
            </a:r>
            <a:r>
              <a:rPr lang="en-GB" altLang="en-US" dirty="0" smtClean="0"/>
              <a:t>2 framework</a:t>
            </a:r>
          </a:p>
          <a:p>
            <a:pPr algn="just"/>
            <a:r>
              <a:rPr lang="en-GB" altLang="en-US" dirty="0" smtClean="0"/>
              <a:t>Specifically “</a:t>
            </a:r>
            <a:r>
              <a:rPr lang="en-GB" altLang="en-US" dirty="0"/>
              <a:t>More Affordable Composite Fuselage”</a:t>
            </a:r>
          </a:p>
          <a:p>
            <a:pPr algn="just"/>
            <a:r>
              <a:rPr lang="en-GB" altLang="en-US" dirty="0" smtClean="0"/>
              <a:t>EU’s Horizon </a:t>
            </a:r>
            <a:r>
              <a:rPr lang="en-GB" altLang="en-US" dirty="0"/>
              <a:t>2020 research and innovation programme </a:t>
            </a:r>
            <a:endParaRPr lang="en-GB" altLang="en-US" dirty="0" smtClean="0"/>
          </a:p>
          <a:p>
            <a:pPr algn="just"/>
            <a:r>
              <a:rPr lang="en-GB" altLang="en-US" dirty="0" smtClean="0"/>
              <a:t>c. €2M grant funding received </a:t>
            </a:r>
          </a:p>
          <a:p>
            <a:pPr algn="just"/>
            <a:r>
              <a:rPr lang="en-GB" altLang="en-US" dirty="0" smtClean="0"/>
              <a:t>30 month project </a:t>
            </a:r>
          </a:p>
          <a:p>
            <a:pPr algn="just"/>
            <a:r>
              <a:rPr lang="en-GB" altLang="en-US" dirty="0" smtClean="0"/>
              <a:t>Project commenced June 2017</a:t>
            </a:r>
          </a:p>
          <a:p>
            <a:pPr algn="just"/>
            <a:endParaRPr lang="en-GB" altLang="en-US" dirty="0"/>
          </a:p>
          <a:p>
            <a:pPr marL="0" indent="0" algn="just">
              <a:buNone/>
            </a:pPr>
            <a:endParaRPr lang="en-GB" altLang="en-US" dirty="0" smtClean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871933" y="5063730"/>
            <a:ext cx="2187983" cy="743585"/>
          </a:xfrm>
          <a:prstGeom prst="rect">
            <a:avLst/>
          </a:prstGeom>
        </p:spPr>
      </p:pic>
      <p:pic>
        <p:nvPicPr>
          <p:cNvPr id="5" name="Picture 4"/>
          <p:cNvPicPr/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953289" y="5048911"/>
            <a:ext cx="1452429" cy="758404"/>
          </a:xfrm>
          <a:prstGeom prst="rect">
            <a:avLst/>
          </a:prstGeom>
          <a:noFill/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2009" y="5063730"/>
            <a:ext cx="3126958" cy="7584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03565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/>
            <a:r>
              <a:rPr lang="en-GB" altLang="en-US" dirty="0" smtClean="0"/>
              <a:t>The ACCURATe Project - Overview</a:t>
            </a:r>
            <a:endParaRPr lang="en-US" altLang="en-US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81001" y="1656013"/>
            <a:ext cx="8477968" cy="4078581"/>
          </a:xfrm>
        </p:spPr>
        <p:txBody>
          <a:bodyPr>
            <a:normAutofit lnSpcReduction="10000"/>
          </a:bodyPr>
          <a:lstStyle/>
          <a:p>
            <a:pPr algn="just"/>
            <a:r>
              <a:rPr lang="en-GB" altLang="en-US" dirty="0" smtClean="0"/>
              <a:t>Composites are key to </a:t>
            </a:r>
            <a:r>
              <a:rPr lang="en-GB" altLang="en-US" dirty="0"/>
              <a:t>reducing fuel costs and </a:t>
            </a:r>
            <a:r>
              <a:rPr lang="en-GB" altLang="en-US" dirty="0" smtClean="0"/>
              <a:t>emissions</a:t>
            </a:r>
          </a:p>
          <a:p>
            <a:pPr algn="just"/>
            <a:r>
              <a:rPr lang="en-GB" altLang="en-US" dirty="0" smtClean="0"/>
              <a:t>State </a:t>
            </a:r>
            <a:r>
              <a:rPr lang="en-GB" altLang="en-US" dirty="0"/>
              <a:t>of the art aircraft contain up to 80% by weight of </a:t>
            </a:r>
            <a:r>
              <a:rPr lang="en-GB" altLang="en-US" dirty="0" smtClean="0"/>
              <a:t>composites </a:t>
            </a:r>
            <a:r>
              <a:rPr lang="en-GB" altLang="en-US" dirty="0"/>
              <a:t>in their load bearing </a:t>
            </a:r>
            <a:r>
              <a:rPr lang="en-GB" altLang="en-US" dirty="0" smtClean="0"/>
              <a:t>structures</a:t>
            </a:r>
          </a:p>
          <a:p>
            <a:pPr algn="just"/>
            <a:r>
              <a:rPr lang="en-GB" altLang="en-US" dirty="0" smtClean="0"/>
              <a:t>Two </a:t>
            </a:r>
            <a:r>
              <a:rPr lang="en-GB" altLang="en-US" dirty="0"/>
              <a:t>key barriers to overcome</a:t>
            </a:r>
            <a:r>
              <a:rPr lang="en-GB" altLang="en-US" dirty="0" smtClean="0"/>
              <a:t>:</a:t>
            </a:r>
          </a:p>
          <a:p>
            <a:pPr lvl="1" algn="just"/>
            <a:r>
              <a:rPr lang="en-GB" altLang="en-US" dirty="0" smtClean="0"/>
              <a:t>(</a:t>
            </a:r>
            <a:r>
              <a:rPr lang="en-GB" altLang="en-US" dirty="0" err="1"/>
              <a:t>i</a:t>
            </a:r>
            <a:r>
              <a:rPr lang="en-GB" altLang="en-US" dirty="0"/>
              <a:t>) </a:t>
            </a:r>
            <a:r>
              <a:rPr lang="en-GB" altLang="en-US" dirty="0" smtClean="0"/>
              <a:t>High cost of manufacture</a:t>
            </a:r>
          </a:p>
          <a:p>
            <a:pPr lvl="1" algn="just"/>
            <a:r>
              <a:rPr lang="en-GB" altLang="en-US" dirty="0" smtClean="0"/>
              <a:t>(</a:t>
            </a:r>
            <a:r>
              <a:rPr lang="en-GB" altLang="en-US" dirty="0"/>
              <a:t>ii) </a:t>
            </a:r>
            <a:r>
              <a:rPr lang="en-GB" altLang="en-US" dirty="0" smtClean="0"/>
              <a:t>Increased risks of </a:t>
            </a:r>
            <a:r>
              <a:rPr lang="en-GB" altLang="en-US" dirty="0"/>
              <a:t>both internal defects and impact damage leading to structural </a:t>
            </a:r>
            <a:r>
              <a:rPr lang="en-GB" altLang="en-US" dirty="0" smtClean="0"/>
              <a:t>failure</a:t>
            </a:r>
          </a:p>
          <a:p>
            <a:pPr algn="just"/>
            <a:r>
              <a:rPr lang="en-GB" altLang="en-US" dirty="0" smtClean="0"/>
              <a:t>Hence the requirement for </a:t>
            </a:r>
            <a:r>
              <a:rPr lang="en-GB" altLang="en-US" dirty="0"/>
              <a:t>more efficient, effective </a:t>
            </a:r>
            <a:r>
              <a:rPr lang="en-GB" altLang="en-US" dirty="0" smtClean="0"/>
              <a:t>and comprehensive inspection processes and system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91186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/>
            <a:r>
              <a:rPr lang="en-GB" altLang="en-US" dirty="0" smtClean="0"/>
              <a:t>Project Partners</a:t>
            </a:r>
            <a:endParaRPr lang="en-US" altLang="en-US" dirty="0"/>
          </a:p>
        </p:txBody>
      </p:sp>
      <p:pic>
        <p:nvPicPr>
          <p:cNvPr id="4" name="Picture 3" descr="C:\Users\martyn.lindop\Desktop\top_kuka.gif"/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25489" y="3126903"/>
            <a:ext cx="1823479" cy="309010"/>
          </a:xfrm>
          <a:prstGeom prst="rect">
            <a:avLst/>
          </a:prstGeom>
          <a:noFill/>
          <a:ln>
            <a:noFill/>
          </a:ln>
        </p:spPr>
      </p:pic>
      <p:pic>
        <p:nvPicPr>
          <p:cNvPr id="6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189344" y="3861814"/>
            <a:ext cx="2452142" cy="5652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6" descr="C:\Users\martyn.lindop\Desktop\IL_LA_Logo_219x50_freigestellt.png"/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448576" y="3006139"/>
            <a:ext cx="2070590" cy="490100"/>
          </a:xfrm>
          <a:prstGeom prst="rect">
            <a:avLst/>
          </a:prstGeom>
          <a:noFill/>
          <a:ln>
            <a:noFill/>
          </a:ln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854370" y="1782926"/>
            <a:ext cx="3067050" cy="733425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544911" y="2644879"/>
            <a:ext cx="1568904" cy="1183809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sp>
        <p:nvSpPr>
          <p:cNvPr id="2" name="Oval 1"/>
          <p:cNvSpPr/>
          <p:nvPr/>
        </p:nvSpPr>
        <p:spPr>
          <a:xfrm>
            <a:off x="2290693" y="1541499"/>
            <a:ext cx="4193178" cy="1126508"/>
          </a:xfrm>
          <a:prstGeom prst="ellipse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Oval 10"/>
          <p:cNvSpPr/>
          <p:nvPr/>
        </p:nvSpPr>
        <p:spPr>
          <a:xfrm>
            <a:off x="489052" y="2534554"/>
            <a:ext cx="7811250" cy="2194398"/>
          </a:xfrm>
          <a:prstGeom prst="ellipse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TextBox 2"/>
          <p:cNvSpPr txBox="1"/>
          <p:nvPr/>
        </p:nvSpPr>
        <p:spPr>
          <a:xfrm>
            <a:off x="5921420" y="4697752"/>
            <a:ext cx="2743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 smtClean="0">
                <a:solidFill>
                  <a:schemeClr val="bg1">
                    <a:lumMod val="50000"/>
                  </a:schemeClr>
                </a:solidFill>
              </a:rPr>
              <a:t>ACCURATe Consortium</a:t>
            </a:r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5921420" y="1424710"/>
            <a:ext cx="2743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 smtClean="0">
                <a:solidFill>
                  <a:schemeClr val="bg1">
                    <a:lumMod val="50000"/>
                  </a:schemeClr>
                </a:solidFill>
              </a:rPr>
              <a:t>Topic Manager</a:t>
            </a:r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522224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/>
            <a:r>
              <a:rPr lang="en-GB" altLang="en-US" dirty="0" smtClean="0"/>
              <a:t>Project Aims</a:t>
            </a:r>
            <a:endParaRPr lang="en-US" altLang="en-US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81001" y="1284839"/>
            <a:ext cx="8477968" cy="3208208"/>
          </a:xfrm>
        </p:spPr>
        <p:txBody>
          <a:bodyPr>
            <a:noAutofit/>
          </a:bodyPr>
          <a:lstStyle/>
          <a:p>
            <a:pPr algn="just"/>
            <a:r>
              <a:rPr lang="en-GB" altLang="en-US" sz="2400" dirty="0" smtClean="0"/>
              <a:t>Develop </a:t>
            </a:r>
            <a:r>
              <a:rPr lang="en-GB" altLang="en-US" sz="2400" dirty="0"/>
              <a:t>a </a:t>
            </a:r>
            <a:r>
              <a:rPr lang="en-GB" altLang="en-US" sz="2400" dirty="0" smtClean="0"/>
              <a:t>prototype laser </a:t>
            </a:r>
            <a:r>
              <a:rPr lang="en-GB" altLang="en-US" sz="2400" dirty="0"/>
              <a:t>ultrasonic testing (LUT) system for </a:t>
            </a:r>
            <a:r>
              <a:rPr lang="en-GB" altLang="en-US" sz="2400" dirty="0" smtClean="0"/>
              <a:t>non-destructive </a:t>
            </a:r>
            <a:r>
              <a:rPr lang="en-GB" altLang="en-US" sz="2400" dirty="0"/>
              <a:t>inspection (NDI) of :</a:t>
            </a:r>
            <a:endParaRPr lang="en-GB" altLang="en-US" sz="2400" dirty="0" smtClean="0"/>
          </a:p>
          <a:p>
            <a:pPr lvl="1" algn="just"/>
            <a:r>
              <a:rPr lang="en-GB" altLang="en-US" dirty="0" smtClean="0"/>
              <a:t>Large scale aircraft </a:t>
            </a:r>
            <a:r>
              <a:rPr lang="en-GB" altLang="en-US" dirty="0"/>
              <a:t>hybrid and thick composite structures</a:t>
            </a:r>
          </a:p>
          <a:p>
            <a:pPr lvl="1" algn="just"/>
            <a:r>
              <a:rPr lang="en-GB" altLang="en-US" dirty="0" smtClean="0"/>
              <a:t>Structures containing </a:t>
            </a:r>
            <a:r>
              <a:rPr lang="en-GB" altLang="en-US" dirty="0"/>
              <a:t>acoustic damping </a:t>
            </a:r>
            <a:r>
              <a:rPr lang="en-GB" altLang="en-US" dirty="0" smtClean="0"/>
              <a:t>materials</a:t>
            </a:r>
          </a:p>
          <a:p>
            <a:pPr lvl="1" algn="just"/>
            <a:r>
              <a:rPr lang="en-GB" altLang="en-US" dirty="0" smtClean="0"/>
              <a:t>Materials </a:t>
            </a:r>
            <a:r>
              <a:rPr lang="en-GB" altLang="en-US" dirty="0"/>
              <a:t>which highly attenuate </a:t>
            </a:r>
            <a:r>
              <a:rPr lang="en-GB" altLang="en-US" dirty="0" smtClean="0"/>
              <a:t>ultrasound</a:t>
            </a:r>
          </a:p>
          <a:p>
            <a:pPr marL="0" indent="0" algn="just">
              <a:buNone/>
            </a:pPr>
            <a:endParaRPr lang="en-GB" altLang="en-US" sz="24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7898" y="3393083"/>
            <a:ext cx="7264173" cy="23390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51650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/>
            <a:r>
              <a:rPr lang="en-GB" altLang="en-US" dirty="0" smtClean="0"/>
              <a:t>Project Work Packages</a:t>
            </a:r>
            <a:endParaRPr lang="en-US" altLang="en-US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7765" y="1724637"/>
            <a:ext cx="7654834" cy="384278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sp>
        <p:nvSpPr>
          <p:cNvPr id="46" name="TextBox 45"/>
          <p:cNvSpPr txBox="1"/>
          <p:nvPr>
            <p:custDataLst>
              <p:tags r:id="rId1"/>
            </p:custDataLst>
          </p:nvPr>
        </p:nvSpPr>
        <p:spPr>
          <a:xfrm>
            <a:off x="10494792" y="7680960"/>
            <a:ext cx="1184148" cy="711200"/>
          </a:xfrm>
          <a:prstGeom prst="rect">
            <a:avLst/>
          </a:prstGeom>
          <a:noFill/>
        </p:spPr>
        <p:txBody>
          <a:bodyPr vert="horz" wrap="square" lIns="128016" tIns="64008" rIns="128016" bIns="64008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240" b="0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Dec</a:t>
            </a:r>
          </a:p>
        </p:txBody>
      </p:sp>
      <p:sp>
        <p:nvSpPr>
          <p:cNvPr id="2" name="Oval 1"/>
          <p:cNvSpPr/>
          <p:nvPr/>
        </p:nvSpPr>
        <p:spPr>
          <a:xfrm>
            <a:off x="3827130" y="3737471"/>
            <a:ext cx="1476103" cy="1722803"/>
          </a:xfrm>
          <a:prstGeom prst="ellipse">
            <a:avLst/>
          </a:prstGeom>
          <a:noFill/>
          <a:ln w="57150"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TextBox 4"/>
          <p:cNvSpPr txBox="1"/>
          <p:nvPr/>
        </p:nvSpPr>
        <p:spPr>
          <a:xfrm>
            <a:off x="3689826" y="5567425"/>
            <a:ext cx="175071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200" b="1" dirty="0" smtClean="0">
                <a:solidFill>
                  <a:schemeClr val="accent3"/>
                </a:solidFill>
              </a:rPr>
              <a:t>Current Work Package</a:t>
            </a:r>
            <a:endParaRPr lang="en-GB" sz="1200" b="1" dirty="0">
              <a:solidFill>
                <a:schemeClr val="accent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74752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/>
            <a:r>
              <a:rPr lang="en-GB" altLang="en-US" dirty="0" smtClean="0"/>
              <a:t>Advantages of Laser UT</a:t>
            </a:r>
            <a:endParaRPr lang="en-US" altLang="en-US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81001" y="1394758"/>
            <a:ext cx="8928991" cy="4130830"/>
          </a:xfrm>
        </p:spPr>
        <p:txBody>
          <a:bodyPr>
            <a:normAutofit/>
          </a:bodyPr>
          <a:lstStyle/>
          <a:p>
            <a:pPr algn="just"/>
            <a:r>
              <a:rPr lang="en-GB" altLang="en-US" sz="2400" dirty="0" smtClean="0"/>
              <a:t>High speed inspection process</a:t>
            </a:r>
          </a:p>
          <a:p>
            <a:pPr algn="just"/>
            <a:r>
              <a:rPr lang="en-GB" altLang="en-US" sz="2400" dirty="0"/>
              <a:t>Lightweight scanning head with small footprint</a:t>
            </a:r>
          </a:p>
          <a:p>
            <a:pPr algn="just"/>
            <a:r>
              <a:rPr lang="en-GB" altLang="en-US" sz="2400" dirty="0" smtClean="0"/>
              <a:t>Broadband UT frequency generation</a:t>
            </a:r>
          </a:p>
          <a:p>
            <a:pPr algn="just"/>
            <a:r>
              <a:rPr lang="en-GB" altLang="en-US" sz="2400" dirty="0" smtClean="0"/>
              <a:t>Low </a:t>
            </a:r>
            <a:r>
              <a:rPr lang="en-GB" altLang="en-US" sz="2400" dirty="0"/>
              <a:t>maintenance</a:t>
            </a:r>
          </a:p>
          <a:p>
            <a:pPr algn="just"/>
            <a:r>
              <a:rPr lang="en-GB" altLang="en-US" sz="2400" dirty="0" smtClean="0"/>
              <a:t>High </a:t>
            </a:r>
            <a:r>
              <a:rPr lang="en-GB" altLang="en-US" sz="2400" dirty="0"/>
              <a:t>accuracy</a:t>
            </a:r>
          </a:p>
          <a:p>
            <a:pPr algn="just"/>
            <a:r>
              <a:rPr lang="en-GB" altLang="en-US" sz="2400" dirty="0" smtClean="0"/>
              <a:t>Non contact</a:t>
            </a:r>
          </a:p>
          <a:p>
            <a:pPr algn="just"/>
            <a:r>
              <a:rPr lang="en-GB" altLang="en-US" sz="2400" dirty="0" smtClean="0"/>
              <a:t>No couplant</a:t>
            </a:r>
          </a:p>
          <a:p>
            <a:pPr algn="just"/>
            <a:endParaRPr lang="en-GB" altLang="en-US" sz="2400" dirty="0" smtClean="0"/>
          </a:p>
          <a:p>
            <a:pPr algn="just"/>
            <a:endParaRPr lang="en-GB" altLang="en-US" sz="2400" dirty="0" smtClean="0"/>
          </a:p>
          <a:p>
            <a:pPr algn="just"/>
            <a:endParaRPr lang="en-GB" altLang="en-US" sz="2400" dirty="0"/>
          </a:p>
          <a:p>
            <a:pPr algn="just"/>
            <a:endParaRPr lang="en-GB" altLang="en-US" sz="2400" dirty="0" smtClean="0"/>
          </a:p>
          <a:p>
            <a:pPr algn="just"/>
            <a:endParaRPr lang="en-GB" altLang="en-US" sz="2400" dirty="0" smtClean="0"/>
          </a:p>
          <a:p>
            <a:pPr algn="just"/>
            <a:endParaRPr lang="en-GB" altLang="en-US" sz="2400" dirty="0" smtClean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96342" y="2973288"/>
            <a:ext cx="4987261" cy="28053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31328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/>
            <a:r>
              <a:rPr lang="en-GB" altLang="en-US" dirty="0" smtClean="0"/>
              <a:t>Challenges</a:t>
            </a:r>
            <a:endParaRPr lang="en-US" altLang="en-US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215009" y="1615094"/>
            <a:ext cx="8928991" cy="3595253"/>
          </a:xfrm>
        </p:spPr>
        <p:txBody>
          <a:bodyPr>
            <a:normAutofit/>
          </a:bodyPr>
          <a:lstStyle/>
          <a:p>
            <a:pPr algn="just"/>
            <a:r>
              <a:rPr lang="en-GB" altLang="en-US" dirty="0"/>
              <a:t>Laser &amp; </a:t>
            </a:r>
            <a:r>
              <a:rPr lang="en-GB" altLang="en-US" dirty="0" smtClean="0"/>
              <a:t>robot </a:t>
            </a:r>
            <a:r>
              <a:rPr lang="en-GB" altLang="en-US" dirty="0"/>
              <a:t>safety</a:t>
            </a:r>
          </a:p>
          <a:p>
            <a:pPr algn="just"/>
            <a:r>
              <a:rPr lang="en-GB" altLang="en-US" dirty="0" smtClean="0"/>
              <a:t>Inspection speed critical</a:t>
            </a:r>
          </a:p>
          <a:p>
            <a:pPr algn="just"/>
            <a:r>
              <a:rPr lang="en-GB" altLang="en-US" dirty="0"/>
              <a:t>Laser power optimisation</a:t>
            </a:r>
          </a:p>
          <a:p>
            <a:pPr algn="just"/>
            <a:r>
              <a:rPr lang="en-GB" altLang="en-US" dirty="0" smtClean="0"/>
              <a:t>System vibration &amp; noise</a:t>
            </a:r>
          </a:p>
          <a:p>
            <a:pPr algn="just"/>
            <a:r>
              <a:rPr lang="en-GB" altLang="en-US" dirty="0" smtClean="0"/>
              <a:t>Multiple systems integration</a:t>
            </a:r>
          </a:p>
          <a:p>
            <a:pPr algn="just"/>
            <a:r>
              <a:rPr lang="en-GB" altLang="en-US" dirty="0" smtClean="0"/>
              <a:t>Physical space constraints and robot reac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9213" y="285846"/>
            <a:ext cx="1469756" cy="499496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44194" y="1284838"/>
            <a:ext cx="3914775" cy="26574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18159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WI Corporate template">
  <a:themeElements>
    <a:clrScheme name="TWI Palette  - 2018">
      <a:dk1>
        <a:srgbClr val="3C3C3B"/>
      </a:dk1>
      <a:lt1>
        <a:srgbClr val="FFFFFF"/>
      </a:lt1>
      <a:dk2>
        <a:srgbClr val="3C3C3B"/>
      </a:dk2>
      <a:lt2>
        <a:srgbClr val="FFFFFF"/>
      </a:lt2>
      <a:accent1>
        <a:srgbClr val="0058A2"/>
      </a:accent1>
      <a:accent2>
        <a:srgbClr val="0090D2"/>
      </a:accent2>
      <a:accent3>
        <a:srgbClr val="EC671C"/>
      </a:accent3>
      <a:accent4>
        <a:srgbClr val="B2B2B2"/>
      </a:accent4>
      <a:accent5>
        <a:srgbClr val="706F6F"/>
      </a:accent5>
      <a:accent6>
        <a:srgbClr val="3C3C3B"/>
      </a:accent6>
      <a:hlink>
        <a:srgbClr val="7F7F7F"/>
      </a:hlink>
      <a:folHlink>
        <a:srgbClr val="B2B2B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4" id="{A04F8EA2-68A1-427C-934A-7A8BB2044A76}" vid="{23386042-06E4-41F9-81CC-2A80494576E5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35975</TotalTime>
  <Words>627</Words>
  <Application>Microsoft Office PowerPoint</Application>
  <PresentationFormat>On-screen Show (4:3)</PresentationFormat>
  <Paragraphs>129</Paragraphs>
  <Slides>25</Slides>
  <Notes>0</Notes>
  <HiddenSlides>0</HiddenSlides>
  <MMClips>4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31" baseType="lpstr">
      <vt:lpstr>Arial</vt:lpstr>
      <vt:lpstr>Calibri</vt:lpstr>
      <vt:lpstr>Calibri Light</vt:lpstr>
      <vt:lpstr>Verdana</vt:lpstr>
      <vt:lpstr>Wingdings</vt:lpstr>
      <vt:lpstr>TWI Corporate template</vt:lpstr>
      <vt:lpstr>ACCURATe Project Overview</vt:lpstr>
      <vt:lpstr>Introduction</vt:lpstr>
      <vt:lpstr>The ACCURATe Project - Background</vt:lpstr>
      <vt:lpstr>The ACCURATe Project - Overview</vt:lpstr>
      <vt:lpstr>Project Partners</vt:lpstr>
      <vt:lpstr>Project Aims</vt:lpstr>
      <vt:lpstr>Project Work Packages</vt:lpstr>
      <vt:lpstr>Advantages of Laser UT</vt:lpstr>
      <vt:lpstr>Challenges</vt:lpstr>
      <vt:lpstr>System Overview</vt:lpstr>
      <vt:lpstr>Specification and performance*</vt:lpstr>
      <vt:lpstr>Robotic system</vt:lpstr>
      <vt:lpstr>Laser Systems</vt:lpstr>
      <vt:lpstr>Optical Systems</vt:lpstr>
      <vt:lpstr>Software</vt:lpstr>
      <vt:lpstr>Offline Path Planning &amp; Simulation</vt:lpstr>
      <vt:lpstr>Bench Testing </vt:lpstr>
      <vt:lpstr>System Testing</vt:lpstr>
      <vt:lpstr>Ultrasonic results</vt:lpstr>
      <vt:lpstr>System Testing</vt:lpstr>
      <vt:lpstr>System Testing</vt:lpstr>
      <vt:lpstr>Ultrasonic results</vt:lpstr>
      <vt:lpstr>Programme &amp; Progress</vt:lpstr>
      <vt:lpstr>PowerPoint Presentation</vt:lpstr>
      <vt:lpstr>PowerPoint Presentation</vt:lpstr>
    </vt:vector>
  </TitlesOfParts>
  <Company>TWI LT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ke Emmett</dc:creator>
  <cp:lastModifiedBy>Vicki James</cp:lastModifiedBy>
  <cp:revision>302</cp:revision>
  <dcterms:created xsi:type="dcterms:W3CDTF">2018-10-29T12:18:50Z</dcterms:created>
  <dcterms:modified xsi:type="dcterms:W3CDTF">2019-10-15T08:17:48Z</dcterms:modified>
</cp:coreProperties>
</file>